
<file path=[Content_Types].xml><?xml version="1.0" encoding="utf-8"?>
<Types xmlns="http://schemas.openxmlformats.org/package/2006/content-types">
  <Default Extension="png" ContentType="image/png"/>
  <Default Extension="mp3" ContentType="audio/mpeg"/>
  <Default Extension="m4a" ContentType="audio/mp4"/>
  <Default Extension="jpeg" ContentType="image/jpeg"/>
  <Default Extension="rels" ContentType="application/vnd.openxmlformats-package.relationships+xml"/>
  <Default Extension="xml" ContentType="application/xml"/>
  <Default Extension="wav" ContentType="audio/x-wav"/>
  <Default Extension="wdp" ContentType="image/vnd.ms-photo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4"/>
  </p:notesMasterIdLst>
  <p:sldIdLst>
    <p:sldId id="256" r:id="rId2"/>
    <p:sldId id="257" r:id="rId3"/>
    <p:sldId id="259" r:id="rId4"/>
    <p:sldId id="262" r:id="rId5"/>
    <p:sldId id="263" r:id="rId6"/>
    <p:sldId id="261" r:id="rId7"/>
    <p:sldId id="264" r:id="rId8"/>
    <p:sldId id="265" r:id="rId9"/>
    <p:sldId id="270" r:id="rId10"/>
    <p:sldId id="271" r:id="rId11"/>
    <p:sldId id="272" r:id="rId12"/>
    <p:sldId id="267" r:id="rId13"/>
  </p:sldIdLst>
  <p:sldSz cx="12192000" cy="6858000"/>
  <p:notesSz cx="6858000" cy="9144000"/>
  <p:custDataLst>
    <p:tags r:id="rId15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7040" autoAdjust="0"/>
    <p:restoredTop sz="94660"/>
  </p:normalViewPr>
  <p:slideViewPr>
    <p:cSldViewPr snapToGrid="0">
      <p:cViewPr varScale="1">
        <p:scale>
          <a:sx n="65" d="100"/>
          <a:sy n="65" d="100"/>
        </p:scale>
        <p:origin x="66" y="31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tags" Target="tags/tag1.xml"/><Relationship Id="rId10" Type="http://schemas.openxmlformats.org/officeDocument/2006/relationships/slide" Target="slides/slide9.xml"/><Relationship Id="rId19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notesMaster" Target="notesMasters/notesMaster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4FF5D1C5-757C-478A-BCCF-1E801B7944ED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BAF05B4-D5B0-477B-AF79-1486B1D5168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0896572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BAF05B4-D5B0-477B-AF79-1486B1D5168B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26946121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BAF05B4-D5B0-477B-AF79-1486B1D5168B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94142225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BAF05B4-D5B0-477B-AF79-1486B1D5168B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29857512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BAF05B4-D5B0-477B-AF79-1486B1D5168B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19330207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BAF05B4-D5B0-477B-AF79-1486B1D5168B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48797410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BAF05B4-D5B0-477B-AF79-1486B1D5168B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2780294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BAF05B4-D5B0-477B-AF79-1486B1D5168B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5601286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BAF05B4-D5B0-477B-AF79-1486B1D5168B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27963899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BAF05B4-D5B0-477B-AF79-1486B1D5168B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30525841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BAF05B4-D5B0-477B-AF79-1486B1D5168B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41910724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BAF05B4-D5B0-477B-AF79-1486B1D5168B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5423525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BAF05B4-D5B0-477B-AF79-1486B1D5168B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6772034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35AE308-9F69-4B3D-8B7D-7E47E1A0C62E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D03C32F-5D49-44DA-A4EF-71995FFA4F5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8821885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35AE308-9F69-4B3D-8B7D-7E47E1A0C62E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D03C32F-5D49-44DA-A4EF-71995FFA4F5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1774210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35AE308-9F69-4B3D-8B7D-7E47E1A0C62E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D03C32F-5D49-44DA-A4EF-71995FFA4F5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163684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35AE308-9F69-4B3D-8B7D-7E47E1A0C62E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D03C32F-5D49-44DA-A4EF-71995FFA4F5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0695329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35AE308-9F69-4B3D-8B7D-7E47E1A0C62E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D03C32F-5D49-44DA-A4EF-71995FFA4F5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94911005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35AE308-9F69-4B3D-8B7D-7E47E1A0C62E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D03C32F-5D49-44DA-A4EF-71995FFA4F5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9161401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35AE308-9F69-4B3D-8B7D-7E47E1A0C62E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D03C32F-5D49-44DA-A4EF-71995FFA4F5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7376707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35AE308-9F69-4B3D-8B7D-7E47E1A0C62E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D03C32F-5D49-44DA-A4EF-71995FFA4F5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4215989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35AE308-9F69-4B3D-8B7D-7E47E1A0C62E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D03C32F-5D49-44DA-A4EF-71995FFA4F5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6724469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35AE308-9F69-4B3D-8B7D-7E47E1A0C62E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D03C32F-5D49-44DA-A4EF-71995FFA4F5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09671173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35AE308-9F69-4B3D-8B7D-7E47E1A0C62E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D03C32F-5D49-44DA-A4EF-71995FFA4F5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3450301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1.jp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13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35AE308-9F69-4B3D-8B7D-7E47E1A0C62E}" type="datetimeFigureOut">
              <a:rPr lang="en-US" smtClean="0"/>
              <a:t>1/15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D03C32F-5D49-44DA-A4EF-71995FFA4F5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5784995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png"/><Relationship Id="rId3" Type="http://schemas.microsoft.com/office/2007/relationships/media" Target="../media/media1.m4a"/><Relationship Id="rId7" Type="http://schemas.openxmlformats.org/officeDocument/2006/relationships/image" Target="../media/image2.png"/><Relationship Id="rId2" Type="http://schemas.openxmlformats.org/officeDocument/2006/relationships/audio" Target="NULL" TargetMode="External"/><Relationship Id="rId1" Type="http://schemas.openxmlformats.org/officeDocument/2006/relationships/tags" Target="../tags/tag2.xml"/><Relationship Id="rId6" Type="http://schemas.openxmlformats.org/officeDocument/2006/relationships/slide" Target="slide1.xml"/><Relationship Id="rId5" Type="http://schemas.openxmlformats.org/officeDocument/2006/relationships/notesSlide" Target="../notesSlides/notesSlide1.xml"/><Relationship Id="rId4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audio" Target="../media/media6.m4a"/><Relationship Id="rId13" Type="http://schemas.openxmlformats.org/officeDocument/2006/relationships/image" Target="../media/image32.jpg"/><Relationship Id="rId3" Type="http://schemas.microsoft.com/office/2007/relationships/media" Target="../media/media3.mp3"/><Relationship Id="rId7" Type="http://schemas.microsoft.com/office/2007/relationships/media" Target="../media/media6.m4a"/><Relationship Id="rId12" Type="http://schemas.openxmlformats.org/officeDocument/2006/relationships/notesSlide" Target="../notesSlides/notesSlide10.xml"/><Relationship Id="rId17" Type="http://schemas.openxmlformats.org/officeDocument/2006/relationships/image" Target="../media/image3.png"/><Relationship Id="rId2" Type="http://schemas.openxmlformats.org/officeDocument/2006/relationships/audio" Target="NULL" TargetMode="External"/><Relationship Id="rId16" Type="http://schemas.openxmlformats.org/officeDocument/2006/relationships/image" Target="../media/image27.png"/><Relationship Id="rId1" Type="http://schemas.openxmlformats.org/officeDocument/2006/relationships/tags" Target="../tags/tag11.xml"/><Relationship Id="rId6" Type="http://schemas.openxmlformats.org/officeDocument/2006/relationships/audio" Target="../media/media5.m4a"/><Relationship Id="rId11" Type="http://schemas.openxmlformats.org/officeDocument/2006/relationships/slideLayout" Target="../slideLayouts/slideLayout2.xml"/><Relationship Id="rId5" Type="http://schemas.microsoft.com/office/2007/relationships/media" Target="../media/media5.m4a"/><Relationship Id="rId15" Type="http://schemas.openxmlformats.org/officeDocument/2006/relationships/image" Target="../media/image12.png"/><Relationship Id="rId10" Type="http://schemas.openxmlformats.org/officeDocument/2006/relationships/audio" Target="../media/media10.m4a"/><Relationship Id="rId4" Type="http://schemas.microsoft.com/office/2007/relationships/media" Target="../media/media4.wav"/><Relationship Id="rId9" Type="http://schemas.microsoft.com/office/2007/relationships/media" Target="../media/media10.m4a"/><Relationship Id="rId14" Type="http://schemas.openxmlformats.org/officeDocument/2006/relationships/image" Target="../media/image33.jp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audio" Target="../media/media6.m4a"/><Relationship Id="rId13" Type="http://schemas.openxmlformats.org/officeDocument/2006/relationships/image" Target="../media/image34.jpg"/><Relationship Id="rId18" Type="http://schemas.openxmlformats.org/officeDocument/2006/relationships/image" Target="../media/image27.png"/><Relationship Id="rId3" Type="http://schemas.microsoft.com/office/2007/relationships/media" Target="../media/media3.mp3"/><Relationship Id="rId7" Type="http://schemas.microsoft.com/office/2007/relationships/media" Target="../media/media6.m4a"/><Relationship Id="rId12" Type="http://schemas.openxmlformats.org/officeDocument/2006/relationships/notesSlide" Target="../notesSlides/notesSlide11.xml"/><Relationship Id="rId17" Type="http://schemas.openxmlformats.org/officeDocument/2006/relationships/image" Target="../media/image12.png"/><Relationship Id="rId2" Type="http://schemas.openxmlformats.org/officeDocument/2006/relationships/audio" Target="NULL" TargetMode="External"/><Relationship Id="rId16" Type="http://schemas.openxmlformats.org/officeDocument/2006/relationships/image" Target="../media/image37.jpeg"/><Relationship Id="rId1" Type="http://schemas.openxmlformats.org/officeDocument/2006/relationships/tags" Target="../tags/tag12.xml"/><Relationship Id="rId6" Type="http://schemas.openxmlformats.org/officeDocument/2006/relationships/audio" Target="../media/media5.m4a"/><Relationship Id="rId11" Type="http://schemas.openxmlformats.org/officeDocument/2006/relationships/slideLayout" Target="../slideLayouts/slideLayout2.xml"/><Relationship Id="rId5" Type="http://schemas.microsoft.com/office/2007/relationships/media" Target="../media/media5.m4a"/><Relationship Id="rId15" Type="http://schemas.openxmlformats.org/officeDocument/2006/relationships/image" Target="../media/image36.jpg"/><Relationship Id="rId10" Type="http://schemas.openxmlformats.org/officeDocument/2006/relationships/audio" Target="../media/media11.m4a"/><Relationship Id="rId19" Type="http://schemas.openxmlformats.org/officeDocument/2006/relationships/image" Target="../media/image3.png"/><Relationship Id="rId4" Type="http://schemas.microsoft.com/office/2007/relationships/media" Target="../media/media4.wav"/><Relationship Id="rId9" Type="http://schemas.microsoft.com/office/2007/relationships/media" Target="../media/media11.m4a"/><Relationship Id="rId14" Type="http://schemas.openxmlformats.org/officeDocument/2006/relationships/image" Target="../media/image35.jp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audio" Target="../media/media12.m4a"/><Relationship Id="rId7" Type="http://schemas.openxmlformats.org/officeDocument/2006/relationships/image" Target="../media/image3.png"/><Relationship Id="rId2" Type="http://schemas.microsoft.com/office/2007/relationships/media" Target="../media/media12.m4a"/><Relationship Id="rId1" Type="http://schemas.openxmlformats.org/officeDocument/2006/relationships/tags" Target="../tags/tag13.xml"/><Relationship Id="rId6" Type="http://schemas.openxmlformats.org/officeDocument/2006/relationships/image" Target="../media/image38.jpg"/><Relationship Id="rId5" Type="http://schemas.openxmlformats.org/officeDocument/2006/relationships/notesSlide" Target="../notesSlides/notesSlide12.xml"/><Relationship Id="rId4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png"/><Relationship Id="rId3" Type="http://schemas.microsoft.com/office/2007/relationships/media" Target="../media/media2.m4a"/><Relationship Id="rId7" Type="http://schemas.openxmlformats.org/officeDocument/2006/relationships/image" Target="../media/image4.jpg"/><Relationship Id="rId2" Type="http://schemas.openxmlformats.org/officeDocument/2006/relationships/audio" Target="NULL" TargetMode="External"/><Relationship Id="rId1" Type="http://schemas.openxmlformats.org/officeDocument/2006/relationships/tags" Target="../tags/tag3.xml"/><Relationship Id="rId6" Type="http://schemas.openxmlformats.org/officeDocument/2006/relationships/slide" Target="slide2.xml"/><Relationship Id="rId5" Type="http://schemas.openxmlformats.org/officeDocument/2006/relationships/notesSlide" Target="../notesSlides/notesSlide2.xml"/><Relationship Id="rId4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audio" Target="../media/media6.m4a"/><Relationship Id="rId13" Type="http://schemas.openxmlformats.org/officeDocument/2006/relationships/image" Target="../media/image5.jpg"/><Relationship Id="rId18" Type="http://schemas.openxmlformats.org/officeDocument/2006/relationships/image" Target="../media/image10.png"/><Relationship Id="rId3" Type="http://schemas.microsoft.com/office/2007/relationships/media" Target="../media/media3.mp3"/><Relationship Id="rId21" Type="http://schemas.openxmlformats.org/officeDocument/2006/relationships/image" Target="../media/image12.png"/><Relationship Id="rId7" Type="http://schemas.microsoft.com/office/2007/relationships/media" Target="../media/media6.m4a"/><Relationship Id="rId12" Type="http://schemas.openxmlformats.org/officeDocument/2006/relationships/slide" Target="slide3.xml"/><Relationship Id="rId17" Type="http://schemas.openxmlformats.org/officeDocument/2006/relationships/image" Target="../media/image9.png"/><Relationship Id="rId2" Type="http://schemas.openxmlformats.org/officeDocument/2006/relationships/audio" Target="NULL" TargetMode="External"/><Relationship Id="rId16" Type="http://schemas.openxmlformats.org/officeDocument/2006/relationships/image" Target="../media/image8.png"/><Relationship Id="rId20" Type="http://schemas.openxmlformats.org/officeDocument/2006/relationships/image" Target="../media/image3.png"/><Relationship Id="rId1" Type="http://schemas.openxmlformats.org/officeDocument/2006/relationships/tags" Target="../tags/tag4.xml"/><Relationship Id="rId6" Type="http://schemas.openxmlformats.org/officeDocument/2006/relationships/audio" Target="../media/media5.m4a"/><Relationship Id="rId11" Type="http://schemas.openxmlformats.org/officeDocument/2006/relationships/audio" Target="../media/audio1.wav"/><Relationship Id="rId24" Type="http://schemas.microsoft.com/office/2007/relationships/hdphoto" Target="../media/hdphoto1.wdp"/><Relationship Id="rId5" Type="http://schemas.microsoft.com/office/2007/relationships/media" Target="../media/media5.m4a"/><Relationship Id="rId15" Type="http://schemas.openxmlformats.org/officeDocument/2006/relationships/image" Target="../media/image7.png"/><Relationship Id="rId23" Type="http://schemas.openxmlformats.org/officeDocument/2006/relationships/image" Target="../media/image14.png"/><Relationship Id="rId10" Type="http://schemas.openxmlformats.org/officeDocument/2006/relationships/notesSlide" Target="../notesSlides/notesSlide3.xml"/><Relationship Id="rId19" Type="http://schemas.openxmlformats.org/officeDocument/2006/relationships/image" Target="../media/image11.png"/><Relationship Id="rId4" Type="http://schemas.microsoft.com/office/2007/relationships/media" Target="../media/media4.wav"/><Relationship Id="rId9" Type="http://schemas.openxmlformats.org/officeDocument/2006/relationships/slideLayout" Target="../slideLayouts/slideLayout2.xml"/><Relationship Id="rId14" Type="http://schemas.openxmlformats.org/officeDocument/2006/relationships/image" Target="../media/image6.jpg"/><Relationship Id="rId22" Type="http://schemas.openxmlformats.org/officeDocument/2006/relationships/image" Target="../media/image13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audio" Target="../media/media6.m4a"/><Relationship Id="rId13" Type="http://schemas.openxmlformats.org/officeDocument/2006/relationships/image" Target="../media/image7.png"/><Relationship Id="rId18" Type="http://schemas.openxmlformats.org/officeDocument/2006/relationships/image" Target="../media/image3.png"/><Relationship Id="rId3" Type="http://schemas.microsoft.com/office/2007/relationships/media" Target="../media/media3.mp3"/><Relationship Id="rId21" Type="http://schemas.openxmlformats.org/officeDocument/2006/relationships/image" Target="../media/image17.jpg"/><Relationship Id="rId7" Type="http://schemas.microsoft.com/office/2007/relationships/media" Target="../media/media6.m4a"/><Relationship Id="rId12" Type="http://schemas.openxmlformats.org/officeDocument/2006/relationships/image" Target="../media/image15.jpg"/><Relationship Id="rId17" Type="http://schemas.openxmlformats.org/officeDocument/2006/relationships/image" Target="../media/image16.png"/><Relationship Id="rId2" Type="http://schemas.openxmlformats.org/officeDocument/2006/relationships/audio" Target="NULL" TargetMode="External"/><Relationship Id="rId16" Type="http://schemas.openxmlformats.org/officeDocument/2006/relationships/image" Target="../media/image11.png"/><Relationship Id="rId20" Type="http://schemas.openxmlformats.org/officeDocument/2006/relationships/image" Target="../media/image13.png"/><Relationship Id="rId1" Type="http://schemas.openxmlformats.org/officeDocument/2006/relationships/tags" Target="../tags/tag5.xml"/><Relationship Id="rId6" Type="http://schemas.openxmlformats.org/officeDocument/2006/relationships/audio" Target="../media/media5.m4a"/><Relationship Id="rId11" Type="http://schemas.openxmlformats.org/officeDocument/2006/relationships/slide" Target="slide4.xml"/><Relationship Id="rId5" Type="http://schemas.microsoft.com/office/2007/relationships/media" Target="../media/media5.m4a"/><Relationship Id="rId15" Type="http://schemas.openxmlformats.org/officeDocument/2006/relationships/image" Target="../media/image10.png"/><Relationship Id="rId10" Type="http://schemas.openxmlformats.org/officeDocument/2006/relationships/notesSlide" Target="../notesSlides/notesSlide4.xml"/><Relationship Id="rId19" Type="http://schemas.openxmlformats.org/officeDocument/2006/relationships/image" Target="../media/image12.png"/><Relationship Id="rId4" Type="http://schemas.microsoft.com/office/2007/relationships/media" Target="../media/media4.wav"/><Relationship Id="rId9" Type="http://schemas.openxmlformats.org/officeDocument/2006/relationships/slideLayout" Target="../slideLayouts/slideLayout2.xml"/><Relationship Id="rId14" Type="http://schemas.openxmlformats.org/officeDocument/2006/relationships/image" Target="../media/image8.png"/><Relationship Id="rId22" Type="http://schemas.openxmlformats.org/officeDocument/2006/relationships/image" Target="../media/image9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audio" Target="../media/media6.m4a"/><Relationship Id="rId13" Type="http://schemas.openxmlformats.org/officeDocument/2006/relationships/image" Target="../media/image7.png"/><Relationship Id="rId18" Type="http://schemas.openxmlformats.org/officeDocument/2006/relationships/image" Target="../media/image12.png"/><Relationship Id="rId3" Type="http://schemas.microsoft.com/office/2007/relationships/media" Target="../media/media3.mp3"/><Relationship Id="rId21" Type="http://schemas.openxmlformats.org/officeDocument/2006/relationships/image" Target="../media/image19.jpeg"/><Relationship Id="rId7" Type="http://schemas.microsoft.com/office/2007/relationships/media" Target="../media/media6.m4a"/><Relationship Id="rId12" Type="http://schemas.openxmlformats.org/officeDocument/2006/relationships/image" Target="../media/image18.jpg"/><Relationship Id="rId17" Type="http://schemas.openxmlformats.org/officeDocument/2006/relationships/image" Target="../media/image3.png"/><Relationship Id="rId2" Type="http://schemas.openxmlformats.org/officeDocument/2006/relationships/audio" Target="NULL" TargetMode="External"/><Relationship Id="rId16" Type="http://schemas.openxmlformats.org/officeDocument/2006/relationships/image" Target="../media/image16.png"/><Relationship Id="rId20" Type="http://schemas.openxmlformats.org/officeDocument/2006/relationships/image" Target="../media/image9.png"/><Relationship Id="rId1" Type="http://schemas.openxmlformats.org/officeDocument/2006/relationships/tags" Target="../tags/tag6.xml"/><Relationship Id="rId6" Type="http://schemas.openxmlformats.org/officeDocument/2006/relationships/audio" Target="../media/media5.m4a"/><Relationship Id="rId11" Type="http://schemas.openxmlformats.org/officeDocument/2006/relationships/slide" Target="slide5.xml"/><Relationship Id="rId5" Type="http://schemas.microsoft.com/office/2007/relationships/media" Target="../media/media5.m4a"/><Relationship Id="rId15" Type="http://schemas.openxmlformats.org/officeDocument/2006/relationships/image" Target="../media/image10.png"/><Relationship Id="rId10" Type="http://schemas.openxmlformats.org/officeDocument/2006/relationships/notesSlide" Target="../notesSlides/notesSlide5.xml"/><Relationship Id="rId19" Type="http://schemas.openxmlformats.org/officeDocument/2006/relationships/image" Target="../media/image13.png"/><Relationship Id="rId4" Type="http://schemas.microsoft.com/office/2007/relationships/media" Target="../media/media4.wav"/><Relationship Id="rId9" Type="http://schemas.openxmlformats.org/officeDocument/2006/relationships/slideLayout" Target="../slideLayouts/slideLayout2.xml"/><Relationship Id="rId14" Type="http://schemas.openxmlformats.org/officeDocument/2006/relationships/image" Target="../media/image8.png"/><Relationship Id="rId22" Type="http://schemas.openxmlformats.org/officeDocument/2006/relationships/image" Target="../media/image11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audio" Target="../media/media6.m4a"/><Relationship Id="rId13" Type="http://schemas.openxmlformats.org/officeDocument/2006/relationships/image" Target="../media/image20.jpg"/><Relationship Id="rId18" Type="http://schemas.openxmlformats.org/officeDocument/2006/relationships/image" Target="../media/image12.png"/><Relationship Id="rId3" Type="http://schemas.microsoft.com/office/2007/relationships/media" Target="../media/media3.mp3"/><Relationship Id="rId21" Type="http://schemas.openxmlformats.org/officeDocument/2006/relationships/image" Target="../media/image8.png"/><Relationship Id="rId7" Type="http://schemas.microsoft.com/office/2007/relationships/media" Target="../media/media6.m4a"/><Relationship Id="rId12" Type="http://schemas.openxmlformats.org/officeDocument/2006/relationships/slide" Target="slide6.xml"/><Relationship Id="rId17" Type="http://schemas.openxmlformats.org/officeDocument/2006/relationships/image" Target="../media/image3.png"/><Relationship Id="rId2" Type="http://schemas.openxmlformats.org/officeDocument/2006/relationships/audio" Target="NULL" TargetMode="External"/><Relationship Id="rId16" Type="http://schemas.openxmlformats.org/officeDocument/2006/relationships/image" Target="../media/image16.png"/><Relationship Id="rId20" Type="http://schemas.openxmlformats.org/officeDocument/2006/relationships/image" Target="../media/image21.jpeg"/><Relationship Id="rId1" Type="http://schemas.openxmlformats.org/officeDocument/2006/relationships/tags" Target="../tags/tag7.xml"/><Relationship Id="rId6" Type="http://schemas.openxmlformats.org/officeDocument/2006/relationships/audio" Target="../media/media5.m4a"/><Relationship Id="rId11" Type="http://schemas.openxmlformats.org/officeDocument/2006/relationships/audio" Target="../media/audio1.wav"/><Relationship Id="rId5" Type="http://schemas.microsoft.com/office/2007/relationships/media" Target="../media/media5.m4a"/><Relationship Id="rId15" Type="http://schemas.openxmlformats.org/officeDocument/2006/relationships/image" Target="../media/image11.png"/><Relationship Id="rId23" Type="http://schemas.openxmlformats.org/officeDocument/2006/relationships/image" Target="../media/image10.png"/><Relationship Id="rId10" Type="http://schemas.openxmlformats.org/officeDocument/2006/relationships/notesSlide" Target="../notesSlides/notesSlide6.xml"/><Relationship Id="rId19" Type="http://schemas.openxmlformats.org/officeDocument/2006/relationships/image" Target="../media/image13.png"/><Relationship Id="rId4" Type="http://schemas.microsoft.com/office/2007/relationships/media" Target="../media/media4.wav"/><Relationship Id="rId9" Type="http://schemas.openxmlformats.org/officeDocument/2006/relationships/slideLayout" Target="../slideLayouts/slideLayout2.xml"/><Relationship Id="rId14" Type="http://schemas.openxmlformats.org/officeDocument/2006/relationships/image" Target="../media/image9.png"/><Relationship Id="rId22" Type="http://schemas.openxmlformats.org/officeDocument/2006/relationships/image" Target="../media/image7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png"/><Relationship Id="rId3" Type="http://schemas.microsoft.com/office/2007/relationships/media" Target="../media/media7.m4a"/><Relationship Id="rId7" Type="http://schemas.openxmlformats.org/officeDocument/2006/relationships/image" Target="../media/image22.jpg"/><Relationship Id="rId2" Type="http://schemas.openxmlformats.org/officeDocument/2006/relationships/audio" Target="NULL" TargetMode="External"/><Relationship Id="rId1" Type="http://schemas.openxmlformats.org/officeDocument/2006/relationships/tags" Target="../tags/tag8.xml"/><Relationship Id="rId6" Type="http://schemas.openxmlformats.org/officeDocument/2006/relationships/slide" Target="slide7.xml"/><Relationship Id="rId5" Type="http://schemas.openxmlformats.org/officeDocument/2006/relationships/notesSlide" Target="../notesSlides/notesSlide7.xml"/><Relationship Id="rId4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audio" Target="../media/media6.m4a"/><Relationship Id="rId13" Type="http://schemas.openxmlformats.org/officeDocument/2006/relationships/image" Target="../media/image23.jpg"/><Relationship Id="rId18" Type="http://schemas.openxmlformats.org/officeDocument/2006/relationships/image" Target="../media/image27.png"/><Relationship Id="rId3" Type="http://schemas.microsoft.com/office/2007/relationships/media" Target="../media/media3.mp3"/><Relationship Id="rId7" Type="http://schemas.microsoft.com/office/2007/relationships/media" Target="../media/media6.m4a"/><Relationship Id="rId12" Type="http://schemas.openxmlformats.org/officeDocument/2006/relationships/notesSlide" Target="../notesSlides/notesSlide8.xml"/><Relationship Id="rId17" Type="http://schemas.openxmlformats.org/officeDocument/2006/relationships/image" Target="../media/image12.png"/><Relationship Id="rId2" Type="http://schemas.openxmlformats.org/officeDocument/2006/relationships/audio" Target="NULL" TargetMode="External"/><Relationship Id="rId16" Type="http://schemas.openxmlformats.org/officeDocument/2006/relationships/image" Target="../media/image26.jpeg"/><Relationship Id="rId1" Type="http://schemas.openxmlformats.org/officeDocument/2006/relationships/tags" Target="../tags/tag9.xml"/><Relationship Id="rId6" Type="http://schemas.openxmlformats.org/officeDocument/2006/relationships/audio" Target="../media/media5.m4a"/><Relationship Id="rId11" Type="http://schemas.openxmlformats.org/officeDocument/2006/relationships/slideLayout" Target="../slideLayouts/slideLayout2.xml"/><Relationship Id="rId5" Type="http://schemas.microsoft.com/office/2007/relationships/media" Target="../media/media5.m4a"/><Relationship Id="rId15" Type="http://schemas.openxmlformats.org/officeDocument/2006/relationships/image" Target="../media/image25.jpg"/><Relationship Id="rId10" Type="http://schemas.openxmlformats.org/officeDocument/2006/relationships/audio" Target="../media/media8.m4a"/><Relationship Id="rId19" Type="http://schemas.openxmlformats.org/officeDocument/2006/relationships/image" Target="../media/image3.png"/><Relationship Id="rId4" Type="http://schemas.microsoft.com/office/2007/relationships/media" Target="../media/media4.wav"/><Relationship Id="rId9" Type="http://schemas.microsoft.com/office/2007/relationships/media" Target="../media/media8.m4a"/><Relationship Id="rId14" Type="http://schemas.openxmlformats.org/officeDocument/2006/relationships/image" Target="../media/image24.jp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audio" Target="../media/media6.m4a"/><Relationship Id="rId13" Type="http://schemas.openxmlformats.org/officeDocument/2006/relationships/image" Target="../media/image28.jpg"/><Relationship Id="rId18" Type="http://schemas.openxmlformats.org/officeDocument/2006/relationships/image" Target="../media/image27.png"/><Relationship Id="rId3" Type="http://schemas.microsoft.com/office/2007/relationships/media" Target="../media/media3.mp3"/><Relationship Id="rId7" Type="http://schemas.microsoft.com/office/2007/relationships/media" Target="../media/media6.m4a"/><Relationship Id="rId12" Type="http://schemas.openxmlformats.org/officeDocument/2006/relationships/notesSlide" Target="../notesSlides/notesSlide9.xml"/><Relationship Id="rId17" Type="http://schemas.openxmlformats.org/officeDocument/2006/relationships/image" Target="../media/image12.png"/><Relationship Id="rId2" Type="http://schemas.openxmlformats.org/officeDocument/2006/relationships/audio" Target="NULL" TargetMode="External"/><Relationship Id="rId16" Type="http://schemas.openxmlformats.org/officeDocument/2006/relationships/image" Target="../media/image31.jpeg"/><Relationship Id="rId1" Type="http://schemas.openxmlformats.org/officeDocument/2006/relationships/tags" Target="../tags/tag10.xml"/><Relationship Id="rId6" Type="http://schemas.openxmlformats.org/officeDocument/2006/relationships/audio" Target="../media/media5.m4a"/><Relationship Id="rId11" Type="http://schemas.openxmlformats.org/officeDocument/2006/relationships/slideLayout" Target="../slideLayouts/slideLayout2.xml"/><Relationship Id="rId5" Type="http://schemas.microsoft.com/office/2007/relationships/media" Target="../media/media5.m4a"/><Relationship Id="rId15" Type="http://schemas.openxmlformats.org/officeDocument/2006/relationships/image" Target="../media/image30.jpg"/><Relationship Id="rId10" Type="http://schemas.openxmlformats.org/officeDocument/2006/relationships/audio" Target="../media/media9.m4a"/><Relationship Id="rId19" Type="http://schemas.openxmlformats.org/officeDocument/2006/relationships/image" Target="../media/image3.png"/><Relationship Id="rId4" Type="http://schemas.microsoft.com/office/2007/relationships/media" Target="../media/media4.wav"/><Relationship Id="rId9" Type="http://schemas.microsoft.com/office/2007/relationships/media" Target="../media/media9.m4a"/><Relationship Id="rId14" Type="http://schemas.openxmlformats.org/officeDocument/2006/relationships/image" Target="../media/image29.jp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hlinkClick r:id="rId6" action="ppaction://hlinksldjump"/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-357352"/>
            <a:ext cx="12192000" cy="8128000"/>
          </a:xfrm>
          <a:prstGeom prst="rect">
            <a:avLst/>
          </a:prstGeom>
        </p:spPr>
      </p:pic>
      <p:sp>
        <p:nvSpPr>
          <p:cNvPr id="10" name="TextBox 9"/>
          <p:cNvSpPr txBox="1"/>
          <p:nvPr/>
        </p:nvSpPr>
        <p:spPr>
          <a:xfrm>
            <a:off x="1512048" y="211872"/>
            <a:ext cx="9442946" cy="241604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58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rò</a:t>
            </a:r>
            <a:r>
              <a:rPr lang="en-US" sz="58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8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58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  <a:p>
            <a:pPr algn="ctr"/>
            <a:r>
              <a:rPr lang="en-US" sz="58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é</a:t>
            </a:r>
            <a:r>
              <a:rPr lang="en-US" sz="58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8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với</a:t>
            </a:r>
            <a:r>
              <a:rPr lang="en-US" sz="58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an </a:t>
            </a:r>
            <a:r>
              <a:rPr lang="en-US" sz="58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oàn</a:t>
            </a:r>
            <a:r>
              <a:rPr lang="en-US" sz="58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8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ao</a:t>
            </a:r>
            <a:r>
              <a:rPr lang="en-US" sz="58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8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ông</a:t>
            </a:r>
            <a:endParaRPr lang="en-US" sz="5800" b="1" dirty="0" smtClean="0">
              <a:ln w="0"/>
              <a:solidFill>
                <a:srgbClr val="00206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ộ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uổi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4-5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uổi</a:t>
            </a:r>
            <a:endParaRPr lang="en-US" sz="3500" b="1" dirty="0">
              <a:ln w="0"/>
              <a:solidFill>
                <a:srgbClr val="00206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1" name="TextBox 10"/>
          <p:cNvSpPr txBox="1"/>
          <p:nvPr/>
        </p:nvSpPr>
        <p:spPr>
          <a:xfrm>
            <a:off x="3385228" y="2857248"/>
            <a:ext cx="6539822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000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3000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1: </a:t>
            </a:r>
            <a:r>
              <a:rPr lang="en-US" sz="3000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ìm</a:t>
            </a:r>
            <a:r>
              <a:rPr lang="en-US" sz="3000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000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úng</a:t>
            </a:r>
            <a:r>
              <a:rPr lang="en-US" sz="3000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000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ơi</a:t>
            </a:r>
            <a:r>
              <a:rPr lang="en-US" sz="3000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000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oạt</a:t>
            </a:r>
            <a:r>
              <a:rPr lang="en-US" sz="3000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000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ộng</a:t>
            </a:r>
            <a:r>
              <a:rPr lang="en-US" sz="3000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000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ủa</a:t>
            </a:r>
            <a:r>
              <a:rPr lang="en-US" sz="3000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000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ác</a:t>
            </a:r>
            <a:r>
              <a:rPr lang="en-US" sz="3000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000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ương</a:t>
            </a:r>
            <a:r>
              <a:rPr lang="en-US" sz="3000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000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iện</a:t>
            </a:r>
            <a:r>
              <a:rPr lang="en-US" sz="3000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000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ao</a:t>
            </a:r>
            <a:r>
              <a:rPr lang="en-US" sz="3000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000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ông</a:t>
            </a:r>
            <a:endParaRPr lang="en-US" sz="3000" b="1" dirty="0">
              <a:ln w="0"/>
              <a:solidFill>
                <a:srgbClr val="C0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2" name="TextBox 11"/>
          <p:cNvSpPr txBox="1"/>
          <p:nvPr/>
        </p:nvSpPr>
        <p:spPr>
          <a:xfrm>
            <a:off x="3385228" y="4102241"/>
            <a:ext cx="6882722" cy="147732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000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3000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  <a:r>
              <a:rPr lang="en-US" sz="3000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ọn</a:t>
            </a:r>
            <a:r>
              <a:rPr lang="en-US" sz="3000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000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ành</a:t>
            </a:r>
            <a:r>
              <a:rPr lang="en-US" sz="3000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vi </a:t>
            </a:r>
            <a:r>
              <a:rPr lang="en-US" sz="3000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úng</a:t>
            </a:r>
            <a:r>
              <a:rPr lang="en-US" sz="3000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000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sai</a:t>
            </a:r>
            <a:r>
              <a:rPr lang="en-US" sz="3000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000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3000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000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am</a:t>
            </a:r>
            <a:r>
              <a:rPr lang="en-US" sz="3000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000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a</a:t>
            </a:r>
            <a:r>
              <a:rPr lang="en-US" sz="3000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000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ao</a:t>
            </a:r>
            <a:r>
              <a:rPr lang="en-US" sz="3000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000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ông</a:t>
            </a:r>
            <a:endParaRPr lang="en-US" sz="3000" b="1" dirty="0" smtClean="0">
              <a:ln w="0"/>
              <a:solidFill>
                <a:srgbClr val="C0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US" sz="3000" b="1" dirty="0">
              <a:ln w="0"/>
              <a:solidFill>
                <a:srgbClr val="C0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2" name="Recorded Sound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end="5027.3514"/>
                </p14:media>
              </p:ext>
            </p:extLst>
          </p:nvPr>
        </p:nvPicPr>
        <p:blipFill>
          <a:blip r:embed="rId8"/>
          <a:stretch>
            <a:fillRect/>
          </a:stretch>
        </p:blipFill>
        <p:spPr>
          <a:xfrm>
            <a:off x="7113814" y="-920107"/>
            <a:ext cx="609600" cy="609600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6518646" y="5613744"/>
            <a:ext cx="3923212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V</a:t>
            </a:r>
            <a:r>
              <a:rPr lang="en-US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rịnh</a:t>
            </a:r>
            <a:r>
              <a:rPr lang="en-US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gọc</a:t>
            </a:r>
            <a:r>
              <a:rPr lang="en-US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ích</a:t>
            </a:r>
            <a:r>
              <a:rPr lang="en-US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+ </a:t>
            </a:r>
            <a:r>
              <a:rPr lang="en-US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ùi</a:t>
            </a:r>
            <a:r>
              <a:rPr lang="en-US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ị</a:t>
            </a:r>
            <a:r>
              <a:rPr lang="en-US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ích</a:t>
            </a:r>
            <a:endParaRPr lang="en-US" b="1" dirty="0" smtClean="0">
              <a:ln w="0"/>
              <a:solidFill>
                <a:srgbClr val="C0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rường</a:t>
            </a:r>
            <a:r>
              <a:rPr lang="en-US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mầm</a:t>
            </a:r>
            <a:r>
              <a:rPr lang="en-US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non </a:t>
            </a:r>
            <a:r>
              <a:rPr lang="en-US" b="1" dirty="0" err="1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iên</a:t>
            </a:r>
            <a:r>
              <a:rPr lang="en-US" b="1" dirty="0" smtClean="0">
                <a:ln w="0"/>
                <a:solidFill>
                  <a:srgbClr val="C0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Minh</a:t>
            </a:r>
          </a:p>
          <a:p>
            <a:endParaRPr lang="en-US" sz="3000" b="1" dirty="0">
              <a:ln w="0"/>
              <a:solidFill>
                <a:srgbClr val="C0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0056928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7864">
        <p:fade/>
      </p:transition>
    </mc:Choice>
    <mc:Fallback xmlns="">
      <p:transition spd="med" advTm="17864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5" dur="15888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9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  <p:bldLst>
      <p:bldP spid="10" grpId="0"/>
      <p:bldP spid="11" grpId="0"/>
      <p:bldP spid="12" grpId="0"/>
      <p:bldP spid="7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ô tô k thò tay"/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12757" y="1518429"/>
            <a:ext cx="4774882" cy="3503455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pic>
        <p:nvPicPr>
          <p:cNvPr id="2" name="ô tô thò tay"/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924669" y="1518429"/>
            <a:ext cx="4822854" cy="3415086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sp>
        <p:nvSpPr>
          <p:cNvPr id="9" name="ĐÁP ÁN A"/>
          <p:cNvSpPr/>
          <p:nvPr/>
        </p:nvSpPr>
        <p:spPr>
          <a:xfrm>
            <a:off x="387010" y="1566010"/>
            <a:ext cx="767443" cy="729974"/>
          </a:xfrm>
          <a:prstGeom prst="ellipse">
            <a:avLst/>
          </a:prstGeom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</a:p>
        </p:txBody>
      </p:sp>
      <p:sp>
        <p:nvSpPr>
          <p:cNvPr id="12" name="ĐÁP ÁN B"/>
          <p:cNvSpPr/>
          <p:nvPr/>
        </p:nvSpPr>
        <p:spPr>
          <a:xfrm>
            <a:off x="10855940" y="1552186"/>
            <a:ext cx="764603" cy="738951"/>
          </a:xfrm>
          <a:prstGeom prst="ellipse">
            <a:avLst/>
          </a:prstGeom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</a:t>
            </a:r>
          </a:p>
        </p:txBody>
      </p:sp>
      <p:pic>
        <p:nvPicPr>
          <p:cNvPr id="15" name="ăt cuoi"/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184278" y="4741227"/>
            <a:ext cx="2821876" cy="2497975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16" name="ăt êu"/>
          <p:cNvPicPr>
            <a:picLocks noChangeAspect="1"/>
          </p:cNvPicPr>
          <p:nvPr/>
        </p:nvPicPr>
        <p:blipFill>
          <a:blip r:embed="rId1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17770" y="5065544"/>
            <a:ext cx="2389941" cy="1792456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21" name="Tieng-vo-tay-tra-loi-dung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end="4115.8333"/>
                </p14:media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7829550" y="-1180305"/>
            <a:ext cx="609600" cy="609600"/>
          </a:xfrm>
          <a:prstGeom prst="rect">
            <a:avLst/>
          </a:prstGeom>
        </p:spPr>
      </p:pic>
      <p:pic>
        <p:nvPicPr>
          <p:cNvPr id="22" name="Am-thanh-tra-loi-sai-wav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4">
                  <p14:trim st="484" end="1583.1065"/>
                </p14:media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4119716" y="-1065316"/>
            <a:ext cx="609600" cy="609600"/>
          </a:xfrm>
          <a:prstGeom prst="rect">
            <a:avLst/>
          </a:prstGeom>
        </p:spPr>
      </p:pic>
      <p:pic>
        <p:nvPicPr>
          <p:cNvPr id="17" name="sai roi">
            <a:hlinkClick r:id="" action="ppaction://media"/>
          </p:cNvPr>
          <p:cNvPicPr>
            <a:picLocks noChangeAspect="1"/>
          </p:cNvPicPr>
          <p:nvPr>
            <a:audioFile r:link="rId6"/>
            <p:extLst>
              <p:ext uri="{DAA4B4D4-6D71-4841-9C94-3DE7FCFB9230}">
                <p14:media xmlns:p14="http://schemas.microsoft.com/office/powerpoint/2010/main" r:embed="rId5"/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191983" y="-1058523"/>
            <a:ext cx="609600" cy="609600"/>
          </a:xfrm>
          <a:prstGeom prst="rect">
            <a:avLst/>
          </a:prstGeom>
        </p:spPr>
      </p:pic>
      <p:pic>
        <p:nvPicPr>
          <p:cNvPr id="19" name="đúng roi">
            <a:hlinkClick r:id="" action="ppaction://media"/>
          </p:cNvPr>
          <p:cNvPicPr>
            <a:picLocks noChangeAspect="1"/>
          </p:cNvPicPr>
          <p:nvPr>
            <a:audioFile r:link="rId8"/>
            <p:extLst>
              <p:ext uri="{DAA4B4D4-6D71-4841-9C94-3DE7FCFB9230}">
                <p14:media xmlns:p14="http://schemas.microsoft.com/office/powerpoint/2010/main" r:embed="rId7"/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10246340" y="-1064632"/>
            <a:ext cx="609600" cy="609600"/>
          </a:xfrm>
          <a:prstGeom prst="rect">
            <a:avLst/>
          </a:prstGeom>
        </p:spPr>
      </p:pic>
      <p:sp>
        <p:nvSpPr>
          <p:cNvPr id="23" name="TextBox 22"/>
          <p:cNvSpPr txBox="1"/>
          <p:nvPr/>
        </p:nvSpPr>
        <p:spPr>
          <a:xfrm>
            <a:off x="1154453" y="90703"/>
            <a:ext cx="10267950" cy="11695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5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âu</a:t>
            </a:r>
            <a:r>
              <a:rPr lang="en-US" sz="3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3: </a:t>
            </a:r>
            <a:r>
              <a:rPr lang="en-US" sz="3500" b="1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</a:t>
            </a:r>
            <a:r>
              <a:rPr lang="en-US" sz="35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i</a:t>
            </a:r>
            <a:r>
              <a:rPr lang="en-US" sz="3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gồi</a:t>
            </a:r>
            <a:r>
              <a:rPr lang="en-US" sz="3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rên</a:t>
            </a:r>
            <a:r>
              <a:rPr lang="en-US" sz="3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ô </a:t>
            </a:r>
            <a:r>
              <a:rPr lang="en-US" sz="35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ô</a:t>
            </a:r>
            <a:r>
              <a:rPr lang="en-US" sz="3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ành</a:t>
            </a:r>
            <a:r>
              <a:rPr lang="en-US" sz="3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vi </a:t>
            </a:r>
            <a:r>
              <a:rPr lang="en-US" sz="35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ào</a:t>
            </a:r>
            <a:r>
              <a:rPr lang="en-US" sz="3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à</a:t>
            </a:r>
            <a:r>
              <a:rPr lang="en-US" sz="3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ành</a:t>
            </a:r>
            <a:r>
              <a:rPr lang="en-US" sz="3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vi </a:t>
            </a:r>
            <a:r>
              <a:rPr lang="en-US" sz="35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úng</a:t>
            </a:r>
            <a:r>
              <a:rPr lang="en-US" sz="3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  <a:endParaRPr lang="en-US" sz="3500" b="1" dirty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6" name="Recorded Sound">
            <a:hlinkClick r:id="" action="ppaction://media"/>
          </p:cNvPr>
          <p:cNvPicPr>
            <a:picLocks noChangeAspect="1"/>
          </p:cNvPicPr>
          <p:nvPr>
            <a:audioFile r:link="rId10"/>
            <p:extLst>
              <p:ext uri="{DAA4B4D4-6D71-4841-9C94-3DE7FCFB9230}">
                <p14:media xmlns:p14="http://schemas.microsoft.com/office/powerpoint/2010/main" r:embed="rId9"/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5926906" y="-1096906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2439517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 advTm="20964"/>
    </mc:Choice>
    <mc:Fallback xmlns="">
      <p:transition advTm="20964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0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3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5" dur="7132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16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8" dur="5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repeatCount="3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25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34848">
                <p:cTn id="2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1"/>
                </p:tgtEl>
              </p:cMediaNode>
            </p:audio>
            <p:audio>
              <p:cMediaNode vol="27273">
                <p:cTn id="2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2"/>
                </p:tgtEl>
              </p:cMediaNode>
            </p:audio>
            <p:audio>
              <p:cMediaNode vol="100000">
                <p:cTn id="2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7"/>
                </p:tgtEl>
              </p:cMediaNode>
            </p:audio>
            <p:audio>
              <p:cMediaNode vol="80000">
                <p:cTn id="29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9"/>
                </p:tgtEl>
              </p:cMediaNode>
            </p:audio>
            <p:seq concurrent="1" nextAc="seek">
              <p:cTn id="30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1" fill="hold">
                      <p:stCondLst>
                        <p:cond delay="0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26" presetClass="emph" presetSubtype="0" repeatCount="3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4" dur="250" tmFilter="0, 0; .2, .5; .8, .5; 1, 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35" dur="125" autoRev="1" fill="hold"/>
                                        <p:tgtEl>
                                          <p:spTgt spid="2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36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37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38" presetID="26" presetClass="emph" presetSubtype="0" repeatCount="3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9" dur="250" tmFilter="0, 0; .2, .5; .8, .5; 1, 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40" dur="125" autoRev="1" fill="hold"/>
                                        <p:tgtEl>
                                          <p:spTgt spid="12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41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2" dur="1506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43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4" dur="3324" fill="hold"/>
                                        <p:tgtEl>
                                          <p:spTgt spid="1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seq concurrent="1" nextAc="seek">
              <p:cTn id="45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6" fill="hold">
                      <p:stCondLst>
                        <p:cond delay="0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26" presetClass="emph" presetSubtype="0" repeatCount="3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9" dur="250" tmFilter="0, 0; .2, .5; .8, .5; 1, 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50" dur="125" autoRev="1" fill="hold"/>
                                        <p:tgtEl>
                                          <p:spTgt spid="5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51" presetID="26" presetClass="emph" presetSubtype="0" repeatCount="3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250" tmFilter="0, 0; .2, .5; .8, .5; 1, 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53" dur="125" autoRev="1" fill="hold"/>
                                        <p:tgtEl>
                                          <p:spTgt spid="9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54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55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56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57" dur="3970" fill="hold"/>
                                        <p:tgtEl>
                                          <p:spTgt spid="2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58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59" dur="3278" fill="hold"/>
                                        <p:tgtEl>
                                          <p:spTgt spid="1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audio>
              <p:cMediaNode vol="80000">
                <p:cTn id="6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</p:childTnLst>
        </p:cTn>
      </p:par>
    </p:tnLst>
    <p:bldLst>
      <p:bldP spid="9" grpId="0" animBg="1"/>
      <p:bldP spid="12" grpId="0" animBg="1"/>
      <p:bldP spid="12" grpId="1" animBg="1"/>
      <p:bldP spid="23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đèn đỏ"/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19256" y="3743616"/>
            <a:ext cx="5072743" cy="3041902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pic>
        <p:nvPicPr>
          <p:cNvPr id="7" name="ô tô vàng"/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521115"/>
            <a:ext cx="4752978" cy="3336885"/>
          </a:xfrm>
          <a:prstGeom prst="rect">
            <a:avLst/>
          </a:prstGeom>
          <a:ln w="88900" cap="sq" cmpd="thickThin">
            <a:solidFill>
              <a:srgbClr val="000000"/>
            </a:solidFill>
            <a:prstDash val="solid"/>
            <a:miter lim="800000"/>
          </a:ln>
          <a:effectLst>
            <a:innerShdw blurRad="76200">
              <a:srgbClr val="000000"/>
            </a:innerShdw>
          </a:effectLst>
        </p:spPr>
      </p:pic>
      <p:pic>
        <p:nvPicPr>
          <p:cNvPr id="25" name="bo e"/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090284" y="891939"/>
            <a:ext cx="5025515" cy="2851677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pic>
        <p:nvPicPr>
          <p:cNvPr id="6" name="xe áy bóng bay"/>
          <p:cNvPicPr>
            <a:picLocks noChangeAspect="1"/>
          </p:cNvPicPr>
          <p:nvPr/>
        </p:nvPicPr>
        <p:blipFill>
          <a:blip r:embed="rId1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1185" y="1224711"/>
            <a:ext cx="4752979" cy="2715772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sp>
        <p:nvSpPr>
          <p:cNvPr id="9" name="ĐÁP ÁN A"/>
          <p:cNvSpPr/>
          <p:nvPr/>
        </p:nvSpPr>
        <p:spPr>
          <a:xfrm>
            <a:off x="-2" y="1414697"/>
            <a:ext cx="767443" cy="729974"/>
          </a:xfrm>
          <a:prstGeom prst="ellipse">
            <a:avLst/>
          </a:prstGeom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</a:p>
        </p:txBody>
      </p:sp>
      <p:sp>
        <p:nvSpPr>
          <p:cNvPr id="10" name="ĐÁP ÁN D"/>
          <p:cNvSpPr/>
          <p:nvPr/>
        </p:nvSpPr>
        <p:spPr>
          <a:xfrm>
            <a:off x="62671" y="4070648"/>
            <a:ext cx="778329" cy="680934"/>
          </a:xfrm>
          <a:prstGeom prst="ellipse">
            <a:avLst/>
          </a:prstGeom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</a:t>
            </a:r>
            <a:endParaRPr lang="en-US" sz="32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1" name="ĐÁP ÁN C"/>
          <p:cNvSpPr/>
          <p:nvPr/>
        </p:nvSpPr>
        <p:spPr>
          <a:xfrm>
            <a:off x="11210364" y="6083458"/>
            <a:ext cx="804122" cy="702060"/>
          </a:xfrm>
          <a:prstGeom prst="ellipse">
            <a:avLst/>
          </a:prstGeom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</a:t>
            </a:r>
            <a:endParaRPr lang="en-US" sz="32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2" name="ĐÁP ÁN B"/>
          <p:cNvSpPr/>
          <p:nvPr/>
        </p:nvSpPr>
        <p:spPr>
          <a:xfrm>
            <a:off x="11210364" y="1024074"/>
            <a:ext cx="764603" cy="738951"/>
          </a:xfrm>
          <a:prstGeom prst="ellipse">
            <a:avLst/>
          </a:prstGeom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</a:t>
            </a:r>
          </a:p>
        </p:txBody>
      </p:sp>
      <p:pic>
        <p:nvPicPr>
          <p:cNvPr id="15" name="ăt cuoi"/>
          <p:cNvPicPr>
            <a:picLocks noChangeAspect="1"/>
          </p:cNvPicPr>
          <p:nvPr/>
        </p:nvPicPr>
        <p:blipFill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646962" y="1462311"/>
            <a:ext cx="2821876" cy="2497975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16" name="ăt êu"/>
          <p:cNvPicPr>
            <a:picLocks noChangeAspect="1"/>
          </p:cNvPicPr>
          <p:nvPr/>
        </p:nvPicPr>
        <p:blipFill>
          <a:blip r:embed="rId1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646962" y="4408327"/>
            <a:ext cx="2389941" cy="1792456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21" name="Tieng-vo-tay-tra-loi-dung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end="4115.8333"/>
                </p14:media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7829550" y="-1180305"/>
            <a:ext cx="609600" cy="609600"/>
          </a:xfrm>
          <a:prstGeom prst="rect">
            <a:avLst/>
          </a:prstGeom>
        </p:spPr>
      </p:pic>
      <p:pic>
        <p:nvPicPr>
          <p:cNvPr id="22" name="Am-thanh-tra-loi-sai-wav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4">
                  <p14:trim st="484" end="1583.1065"/>
                </p14:media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4119716" y="-1065316"/>
            <a:ext cx="609600" cy="609600"/>
          </a:xfrm>
          <a:prstGeom prst="rect">
            <a:avLst/>
          </a:prstGeom>
        </p:spPr>
      </p:pic>
      <p:pic>
        <p:nvPicPr>
          <p:cNvPr id="17" name="sai roi">
            <a:hlinkClick r:id="" action="ppaction://media"/>
          </p:cNvPr>
          <p:cNvPicPr>
            <a:picLocks noChangeAspect="1"/>
          </p:cNvPicPr>
          <p:nvPr>
            <a:audioFile r:link="rId6"/>
            <p:extLst>
              <p:ext uri="{DAA4B4D4-6D71-4841-9C94-3DE7FCFB9230}">
                <p14:media xmlns:p14="http://schemas.microsoft.com/office/powerpoint/2010/main" r:embed="rId5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191983" y="-1058523"/>
            <a:ext cx="609600" cy="609600"/>
          </a:xfrm>
          <a:prstGeom prst="rect">
            <a:avLst/>
          </a:prstGeom>
        </p:spPr>
      </p:pic>
      <p:pic>
        <p:nvPicPr>
          <p:cNvPr id="19" name="đúng roi">
            <a:hlinkClick r:id="" action="ppaction://media"/>
          </p:cNvPr>
          <p:cNvPicPr>
            <a:picLocks noChangeAspect="1"/>
          </p:cNvPicPr>
          <p:nvPr>
            <a:audioFile r:link="rId8"/>
            <p:extLst>
              <p:ext uri="{DAA4B4D4-6D71-4841-9C94-3DE7FCFB9230}">
                <p14:media xmlns:p14="http://schemas.microsoft.com/office/powerpoint/2010/main" r:embed="rId7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10246340" y="-1064632"/>
            <a:ext cx="609600" cy="609600"/>
          </a:xfrm>
          <a:prstGeom prst="rect">
            <a:avLst/>
          </a:prstGeom>
        </p:spPr>
      </p:pic>
      <p:sp>
        <p:nvSpPr>
          <p:cNvPr id="24" name="chữ"/>
          <p:cNvSpPr txBox="1"/>
          <p:nvPr/>
        </p:nvSpPr>
        <p:spPr>
          <a:xfrm>
            <a:off x="841000" y="39175"/>
            <a:ext cx="10267950" cy="1169551"/>
          </a:xfrm>
          <a:prstGeom prst="rect">
            <a:avLst/>
          </a:prstGeom>
          <a:solidFill>
            <a:schemeClr val="accent4">
              <a:alpha val="50000"/>
            </a:schemeClr>
          </a:soli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r>
              <a:rPr lang="en-US" sz="35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âu</a:t>
            </a:r>
            <a:r>
              <a:rPr lang="en-US" sz="3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4: </a:t>
            </a:r>
            <a:r>
              <a:rPr lang="en-US" sz="3500" b="1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</a:t>
            </a:r>
            <a:r>
              <a:rPr lang="en-US" sz="35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i</a:t>
            </a:r>
            <a:r>
              <a:rPr lang="en-US" sz="3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am</a:t>
            </a:r>
            <a:r>
              <a:rPr lang="en-US" sz="3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a</a:t>
            </a:r>
            <a:r>
              <a:rPr lang="en-US" sz="3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ao</a:t>
            </a:r>
            <a:r>
              <a:rPr lang="en-US" sz="3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ông</a:t>
            </a:r>
            <a:r>
              <a:rPr lang="en-US" sz="3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ành</a:t>
            </a:r>
            <a:r>
              <a:rPr lang="en-US" sz="3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vi </a:t>
            </a:r>
            <a:r>
              <a:rPr lang="en-US" sz="35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ào</a:t>
            </a:r>
            <a:r>
              <a:rPr lang="en-US" sz="3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à</a:t>
            </a:r>
            <a:r>
              <a:rPr lang="en-US" sz="3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ành</a:t>
            </a:r>
            <a:r>
              <a:rPr lang="en-US" sz="3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vi </a:t>
            </a:r>
            <a:r>
              <a:rPr lang="en-US" sz="35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sai</a:t>
            </a:r>
            <a:r>
              <a:rPr lang="en-US" sz="35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  <a:endParaRPr lang="en-US" sz="3500" b="1" dirty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29" name="Recorded Sound">
            <a:hlinkClick r:id="" action="ppaction://media"/>
          </p:cNvPr>
          <p:cNvPicPr>
            <a:picLocks noChangeAspect="1"/>
          </p:cNvPicPr>
          <p:nvPr>
            <a:audioFile r:link="rId10"/>
            <p:extLst>
              <p:ext uri="{DAA4B4D4-6D71-4841-9C94-3DE7FCFB9230}">
                <p14:media xmlns:p14="http://schemas.microsoft.com/office/powerpoint/2010/main" r:embed="rId9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5409110" y="-1202197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70869545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Tm="20964"/>
    </mc:Choice>
    <mc:Fallback xmlns="">
      <p:transition advTm="20964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6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9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2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3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4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5" dur="7202" fill="hold"/>
                                        <p:tgtEl>
                                          <p:spTgt spid="2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2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34848">
                <p:cTn id="3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1"/>
                </p:tgtEl>
              </p:cMediaNode>
            </p:audio>
            <p:audio>
              <p:cMediaNode vol="27273">
                <p:cTn id="39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2"/>
                </p:tgtEl>
              </p:cMediaNode>
            </p:audio>
            <p:audio>
              <p:cMediaNode vol="100000">
                <p:cTn id="4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7"/>
                </p:tgtEl>
              </p:cMediaNode>
            </p:audio>
            <p:audio>
              <p:cMediaNode vol="80000">
                <p:cTn id="4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9"/>
                </p:tgtEl>
              </p:cMediaNode>
            </p:audio>
            <p:seq concurrent="1" nextAc="seek">
              <p:cTn id="42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3" fill="hold">
                      <p:stCondLst>
                        <p:cond delay="0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26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6" dur="500" tmFilter="0, 0; .2, .5; .8, .5; 1, 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47" dur="250" autoRev="1" fill="hold"/>
                                        <p:tgtEl>
                                          <p:spTgt spid="5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48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49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50" presetID="26" presetClass="emph" presetSubtype="0" repeatCount="3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1" dur="250" tmFilter="0, 0; .2, .5; .8, .5; 1, 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52" dur="125" autoRev="1" fill="hold"/>
                                        <p:tgtEl>
                                          <p:spTgt spid="11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53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54" dur="3970" fill="hold"/>
                                        <p:tgtEl>
                                          <p:spTgt spid="2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5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56" dur="3278" fill="hold"/>
                                        <p:tgtEl>
                                          <p:spTgt spid="1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seq concurrent="1" nextAc="seek">
              <p:cTn id="57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8" fill="hold">
                      <p:stCondLst>
                        <p:cond delay="0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26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1" dur="500" tmFilter="0, 0; .2, .5; .8, .5; 1, 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62" dur="250" autoRev="1" fill="hold"/>
                                        <p:tgtEl>
                                          <p:spTgt spid="6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63" presetID="26" presetClass="emph" presetSubtype="0" repeatCount="3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250" tmFilter="0, 0; .2, .5; .8, .5; 1, 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65" dur="125" autoRev="1" fill="hold"/>
                                        <p:tgtEl>
                                          <p:spTgt spid="9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66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67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68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9" dur="3970" fill="hold"/>
                                        <p:tgtEl>
                                          <p:spTgt spid="2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70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1" dur="3278" fill="hold"/>
                                        <p:tgtEl>
                                          <p:spTgt spid="1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seq concurrent="1" nextAc="seek">
              <p:cTn id="72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3" fill="hold">
                      <p:stCondLst>
                        <p:cond delay="0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26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6" dur="500" tmFilter="0, 0; .2, .5; .8, .5; 1, 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77" dur="250" autoRev="1" fill="hold"/>
                                        <p:tgtEl>
                                          <p:spTgt spid="7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78" presetID="26" presetClass="emph" presetSubtype="0" repeatCount="3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9" dur="250" tmFilter="0, 0; .2, .5; .8, .5; 1, 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80" dur="125" autoRev="1" fill="hold"/>
                                        <p:tgtEl>
                                          <p:spTgt spid="10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81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2" dur="3278" fill="hold"/>
                                        <p:tgtEl>
                                          <p:spTgt spid="1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83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4" dur="3970" fill="hold"/>
                                        <p:tgtEl>
                                          <p:spTgt spid="2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85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86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  <p:seq concurrent="1" nextAc="seek">
              <p:cTn id="87" restart="whenNotActive" fill="hold" evtFilter="cancelBubble" nodeType="interactiveSeq">
                <p:stCondLst>
                  <p:cond evt="onClick" delay="0">
                    <p:tgtEl>
                      <p:spTgt spid="2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8" fill="hold">
                      <p:stCondLst>
                        <p:cond delay="0"/>
                      </p:stCondLst>
                      <p:childTnLst>
                        <p:par>
                          <p:cTn id="89" fill="hold">
                            <p:stCondLst>
                              <p:cond delay="0"/>
                            </p:stCondLst>
                            <p:childTnLst>
                              <p:par>
                                <p:cTn id="90" presetID="26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1" dur="500" tmFilter="0, 0; .2, .5; .8, .5; 1, 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92" dur="250" autoRev="1" fill="hold"/>
                                        <p:tgtEl>
                                          <p:spTgt spid="25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93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94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95" presetID="26" presetClass="emph" presetSubtype="0" repeatCount="3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6" dur="250" tmFilter="0, 0; .2, .5; .8, .5; 1, 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97" dur="125" autoRev="1" fill="hold"/>
                                        <p:tgtEl>
                                          <p:spTgt spid="12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98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99" dur="1506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100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01" dur="3324" fill="hold"/>
                                        <p:tgtEl>
                                          <p:spTgt spid="1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5"/>
                  </p:tgtEl>
                </p:cond>
              </p:nextCondLst>
            </p:seq>
            <p:audio>
              <p:cMediaNode vol="80000">
                <p:cTn id="10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9"/>
                </p:tgtEl>
              </p:cMediaNode>
            </p:audio>
          </p:childTnLst>
        </p:cTn>
      </p:par>
    </p:tnLst>
    <p:bldLst>
      <p:bldP spid="9" grpId="0" animBg="1"/>
      <p:bldP spid="10" grpId="0" animBg="1"/>
      <p:bldP spid="10" grpId="1" animBg="1"/>
      <p:bldP spid="11" grpId="0" animBg="1"/>
      <p:bldP spid="11" grpId="1" animBg="1"/>
      <p:bldP spid="12" grpId="0" animBg="1"/>
      <p:bldP spid="12" grpId="1" animBg="1"/>
      <p:bldP spid="24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 dirty="0"/>
          </a:p>
        </p:txBody>
      </p:sp>
      <p:pic>
        <p:nvPicPr>
          <p:cNvPr id="5" name="Content Placeholder 4"/>
          <p:cNvPicPr>
            <a:picLocks noGrp="1" noChangeAspect="1"/>
          </p:cNvPicPr>
          <p:nvPr>
            <p:ph idx="1"/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</p:spPr>
      </p:pic>
      <p:sp>
        <p:nvSpPr>
          <p:cNvPr id="6" name="TextBox 5"/>
          <p:cNvSpPr txBox="1"/>
          <p:nvPr/>
        </p:nvSpPr>
        <p:spPr>
          <a:xfrm>
            <a:off x="2805880" y="1988403"/>
            <a:ext cx="6580239" cy="830997"/>
          </a:xfrm>
          <a:prstGeom prst="rect">
            <a:avLst/>
          </a:prstGeom>
          <a:solidFill>
            <a:schemeClr val="accent4">
              <a:alpha val="50000"/>
            </a:schemeClr>
          </a:soli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r>
              <a:rPr lang="en-US" sz="4800" b="1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in </a:t>
            </a:r>
            <a:r>
              <a:rPr lang="en-US" sz="4800" b="1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ào</a:t>
            </a:r>
            <a:r>
              <a:rPr lang="en-US" sz="4800" b="1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b="1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4800" b="1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b="1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ẹn</a:t>
            </a:r>
            <a:r>
              <a:rPr lang="en-US" sz="4800" b="1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b="1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ặp</a:t>
            </a:r>
            <a:r>
              <a:rPr lang="en-US" sz="4800" b="1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800" b="1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i</a:t>
            </a:r>
            <a:r>
              <a:rPr lang="en-US" sz="4800" b="1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!</a:t>
            </a:r>
            <a:endParaRPr lang="en-US" sz="4800" b="1" dirty="0">
              <a:ln w="0"/>
              <a:solidFill>
                <a:srgbClr val="FF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8" name="Recorded Sound">
            <a:hlinkClick r:id="" action="ppaction://media"/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-609600" y="2819400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8061146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Tm="16200"/>
    </mc:Choice>
    <mc:Fallback xmlns="">
      <p:transition advTm="162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9" dur="6552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</p:childTnLst>
        </p:cTn>
      </p:par>
    </p:tnLst>
    <p:bldLst>
      <p:bldP spid="6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Content Placeholder 5">
            <a:hlinkClick r:id="rId6" action="ppaction://hlinksldjump"/>
          </p:cNvPr>
          <p:cNvPicPr>
            <a:picLocks noGrp="1" noChangeAspect="1"/>
          </p:cNvPicPr>
          <p:nvPr>
            <p:ph idx="1"/>
          </p:nvPr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TextBox 4"/>
          <p:cNvSpPr txBox="1"/>
          <p:nvPr/>
        </p:nvSpPr>
        <p:spPr>
          <a:xfrm>
            <a:off x="3371850" y="2259449"/>
            <a:ext cx="7335479" cy="1169551"/>
          </a:xfrm>
          <a:prstGeom prst="rect">
            <a:avLst/>
          </a:prstGeom>
          <a:solidFill>
            <a:schemeClr val="accent2">
              <a:alpha val="50000"/>
            </a:schemeClr>
          </a:soli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1: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ìm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úng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ơi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oạt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ộng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ủa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ác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ương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iện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ao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ông</a:t>
            </a:r>
            <a:endParaRPr lang="en-US" sz="3500" b="1" dirty="0">
              <a:ln w="0"/>
              <a:solidFill>
                <a:srgbClr val="00206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9" name="Recorded Sound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end="651.9274"/>
                </p14:media>
              </p:ext>
            </p:extLst>
          </p:nvPr>
        </p:nvPicPr>
        <p:blipFill>
          <a:blip r:embed="rId8"/>
          <a:stretch>
            <a:fillRect/>
          </a:stretch>
        </p:blipFill>
        <p:spPr>
          <a:xfrm>
            <a:off x="6591300" y="-731837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4236704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1" advTm="12232">
        <p:fade/>
      </p:transition>
    </mc:Choice>
    <mc:Fallback xmlns="">
      <p:transition advTm="12232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0" dur="11450" fill="hold"/>
                                        <p:tgtEl>
                                          <p:spTgt spid="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9"/>
                </p:tgtEl>
              </p:cMediaNode>
            </p:audio>
          </p:childTnLst>
        </p:cTn>
      </p:par>
    </p:tnLst>
    <p:bldLst>
      <p:bldP spid="5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hlinkClick r:id="rId12" action="ppaction://hlinksldjump"/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199023" y="-61944"/>
            <a:ext cx="12676773" cy="7358094"/>
          </a:xfrm>
          <a:prstGeom prst="rect">
            <a:avLst/>
          </a:prstGeom>
        </p:spPr>
      </p:pic>
      <p:pic>
        <p:nvPicPr>
          <p:cNvPr id="4" name="đường ray"/>
          <p:cNvPicPr>
            <a:picLocks noGrp="1" noChangeAspect="1"/>
          </p:cNvPicPr>
          <p:nvPr>
            <p:ph idx="1"/>
          </p:nvPr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288216" y="2264140"/>
            <a:ext cx="5996516" cy="4497387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6" name="xe đạp"/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0224" y="1945101"/>
            <a:ext cx="2780369" cy="1890116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7" name="xe máy"/>
          <p:cNvPicPr>
            <a:picLocks noChangeAspect="1"/>
          </p:cNvPicPr>
          <p:nvPr/>
        </p:nvPicPr>
        <p:blipFill>
          <a:blip r:embed="rId1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198993" y="-148649"/>
            <a:ext cx="3187788" cy="2363213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8" name="thuyền buồm"/>
          <p:cNvPicPr>
            <a:picLocks noChangeAspect="1"/>
          </p:cNvPicPr>
          <p:nvPr/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8738" y="-243989"/>
            <a:ext cx="3687447" cy="2459685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9" name="ô tô"/>
          <p:cNvPicPr>
            <a:picLocks noChangeAspect="1"/>
          </p:cNvPicPr>
          <p:nvPr/>
        </p:nvPicPr>
        <p:blipFill>
          <a:blip r:embed="rId1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997" y="5064212"/>
            <a:ext cx="2894248" cy="1628015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10" name="máy bay"/>
          <p:cNvPicPr>
            <a:picLocks noChangeAspect="1"/>
          </p:cNvPicPr>
          <p:nvPr/>
        </p:nvPicPr>
        <p:blipFill>
          <a:blip r:embed="rId1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1" y="3835217"/>
            <a:ext cx="3288217" cy="1726314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12" name="Tieng-vo-tay-tra-loi-dung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end="4115.8333"/>
                </p14:media>
              </p:ext>
            </p:extLst>
          </p:nvPr>
        </p:nvPicPr>
        <p:blipFill>
          <a:blip r:embed="rId20"/>
          <a:stretch>
            <a:fillRect/>
          </a:stretch>
        </p:blipFill>
        <p:spPr>
          <a:xfrm>
            <a:off x="7829550" y="-1180305"/>
            <a:ext cx="609600" cy="609600"/>
          </a:xfrm>
          <a:prstGeom prst="rect">
            <a:avLst/>
          </a:prstGeom>
        </p:spPr>
      </p:pic>
      <p:pic>
        <p:nvPicPr>
          <p:cNvPr id="13" name="ăt cuoi"/>
          <p:cNvPicPr>
            <a:picLocks noChangeAspect="1"/>
          </p:cNvPicPr>
          <p:nvPr/>
        </p:nvPicPr>
        <p:blipFill>
          <a:blip r:embed="rId2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07881" y="2041402"/>
            <a:ext cx="3001490" cy="2656972"/>
          </a:xfrm>
          <a:prstGeom prst="rect">
            <a:avLst/>
          </a:prstGeom>
        </p:spPr>
      </p:pic>
      <p:pic>
        <p:nvPicPr>
          <p:cNvPr id="14" name="ăt êu"/>
          <p:cNvPicPr>
            <a:picLocks noChangeAspect="1"/>
          </p:cNvPicPr>
          <p:nvPr/>
        </p:nvPicPr>
        <p:blipFill>
          <a:blip r:embed="rId2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84732" y="4299287"/>
            <a:ext cx="2532817" cy="1899613"/>
          </a:xfrm>
          <a:prstGeom prst="rect">
            <a:avLst/>
          </a:prstGeom>
        </p:spPr>
      </p:pic>
      <p:pic>
        <p:nvPicPr>
          <p:cNvPr id="16" name="Am-thanh-tra-loi-sai-wav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4">
                  <p14:trim st="484" end="1583.1065"/>
                </p14:media>
              </p:ext>
            </p:extLst>
          </p:nvPr>
        </p:nvPicPr>
        <p:blipFill>
          <a:blip r:embed="rId20"/>
          <a:stretch>
            <a:fillRect/>
          </a:stretch>
        </p:blipFill>
        <p:spPr>
          <a:xfrm>
            <a:off x="4202337" y="-1365591"/>
            <a:ext cx="609600" cy="609600"/>
          </a:xfrm>
          <a:prstGeom prst="rect">
            <a:avLst/>
          </a:prstGeom>
        </p:spPr>
      </p:pic>
      <p:pic>
        <p:nvPicPr>
          <p:cNvPr id="17" name="Am-thanh-tra-loi-sai-wav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4">
                  <p14:trim st="748" end="1608.1065"/>
                </p14:media>
              </p:ext>
            </p:extLst>
          </p:nvPr>
        </p:nvPicPr>
        <p:blipFill>
          <a:blip r:embed="rId20"/>
          <a:stretch>
            <a:fillRect/>
          </a:stretch>
        </p:blipFill>
        <p:spPr>
          <a:xfrm>
            <a:off x="2340993" y="-1369432"/>
            <a:ext cx="609600" cy="609600"/>
          </a:xfrm>
          <a:prstGeom prst="rect">
            <a:avLst/>
          </a:prstGeom>
        </p:spPr>
      </p:pic>
      <p:pic>
        <p:nvPicPr>
          <p:cNvPr id="18" name="Am-thanh-tra-loi-sai-wav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4">
                  <p14:trim st="786" end="1742.1065"/>
                </p14:media>
              </p:ext>
            </p:extLst>
          </p:nvPr>
        </p:nvPicPr>
        <p:blipFill>
          <a:blip r:embed="rId20"/>
          <a:stretch>
            <a:fillRect/>
          </a:stretch>
        </p:blipFill>
        <p:spPr>
          <a:xfrm>
            <a:off x="-650342" y="1945101"/>
            <a:ext cx="609600" cy="609600"/>
          </a:xfrm>
          <a:prstGeom prst="rect">
            <a:avLst/>
          </a:prstGeom>
        </p:spPr>
      </p:pic>
      <p:pic>
        <p:nvPicPr>
          <p:cNvPr id="22" name="Recorded Sound">
            <a:hlinkClick r:id="" action="ppaction://media"/>
          </p:cNvPr>
          <p:cNvPicPr>
            <a:picLocks noChangeAspect="1"/>
          </p:cNvPicPr>
          <p:nvPr>
            <a:audioFile r:link="rId6"/>
            <p:extLst>
              <p:ext uri="{DAA4B4D4-6D71-4841-9C94-3DE7FCFB9230}">
                <p14:media xmlns:p14="http://schemas.microsoft.com/office/powerpoint/2010/main" r:embed="rId5"/>
              </p:ext>
            </p:extLst>
          </p:nvPr>
        </p:nvPicPr>
        <p:blipFill>
          <a:blip r:embed="rId20"/>
          <a:stretch>
            <a:fillRect/>
          </a:stretch>
        </p:blipFill>
        <p:spPr>
          <a:xfrm>
            <a:off x="191983" y="-1058523"/>
            <a:ext cx="609600" cy="609600"/>
          </a:xfrm>
          <a:prstGeom prst="rect">
            <a:avLst/>
          </a:prstGeom>
        </p:spPr>
      </p:pic>
      <p:pic>
        <p:nvPicPr>
          <p:cNvPr id="2" name="Recorded Sound">
            <a:hlinkClick r:id="" action="ppaction://media"/>
          </p:cNvPr>
          <p:cNvPicPr>
            <a:picLocks noChangeAspect="1"/>
          </p:cNvPicPr>
          <p:nvPr>
            <a:audioFile r:link="rId8"/>
            <p:extLst>
              <p:ext uri="{DAA4B4D4-6D71-4841-9C94-3DE7FCFB9230}">
                <p14:media xmlns:p14="http://schemas.microsoft.com/office/powerpoint/2010/main" r:embed="rId7"/>
              </p:ext>
            </p:extLst>
          </p:nvPr>
        </p:nvPicPr>
        <p:blipFill>
          <a:blip r:embed="rId20"/>
          <a:stretch>
            <a:fillRect/>
          </a:stretch>
        </p:blipFill>
        <p:spPr>
          <a:xfrm>
            <a:off x="10246340" y="-1064632"/>
            <a:ext cx="609600" cy="609600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 rotWithShape="1">
          <a:blip r:embed="rId23">
            <a:extLst>
              <a:ext uri="{BEBA8EAE-BF5A-486C-A8C5-ECC9F3942E4B}">
                <a14:imgProps xmlns:a14="http://schemas.microsoft.com/office/drawing/2010/main">
                  <a14:imgLayer r:embed="rId24">
                    <a14:imgEffect>
                      <a14:backgroundRemoval t="10000" b="90000" l="29417" r="64000">
                        <a14:foregroundMark x1="34083" y1="43500" x2="55333" y2="43375"/>
                        <a14:foregroundMark x1="32750" y1="87750" x2="51250" y2="88000"/>
                        <a14:backgroundMark x1="27917" y1="82250" x2="27917" y2="82250"/>
                        <a14:backgroundMark x1="27917" y1="82250" x2="31417" y2="90375"/>
                        <a14:backgroundMark x1="35417" y1="91000" x2="52083" y2="89750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26414" t="36747" r="36489" b="10467"/>
          <a:stretch/>
        </p:blipFill>
        <p:spPr>
          <a:xfrm>
            <a:off x="8005306" y="323659"/>
            <a:ext cx="2405150" cy="228156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704300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 advTm="10056"/>
    </mc:Choice>
    <mc:Fallback xmlns="">
      <p:transition advTm="10056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11" name="chimes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" presetID="6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3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28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31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34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34848">
                <p:cTn id="3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  <p:seq concurrent="1" nextAc="seek">
              <p:cTn id="36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7" fill="hold">
                      <p:stCondLst>
                        <p:cond delay="0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0" dur="1506" fill="hold"/>
                                        <p:tgtEl>
                                          <p:spTgt spid="1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41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2" dur="3324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43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44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45" presetID="26" presetClass="emph" presetSubtype="0" repeatCount="3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6" dur="250" tmFilter="0, 0; .2, .5; .8, .5; 1, 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47" dur="125" autoRev="1" fill="hold"/>
                                        <p:tgtEl>
                                          <p:spTgt spid="7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  <p:audio>
              <p:cMediaNode vol="27273">
                <p:cTn id="4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6"/>
                </p:tgtEl>
              </p:cMediaNode>
            </p:audio>
            <p:seq concurrent="1" nextAc="seek">
              <p:cTn id="49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0" fill="hold">
                      <p:stCondLst>
                        <p:cond delay="0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54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56" dur="1217" fill="hold"/>
                                        <p:tgtEl>
                                          <p:spTgt spid="1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57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58" dur="3324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59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60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61" presetID="26" presetClass="emph" presetSubtype="0" repeatCount="3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2" dur="250" tmFilter="0, 0; .2, .5; .8, .5; 1, 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63" dur="125" autoRev="1" fill="hold"/>
                                        <p:tgtEl>
                                          <p:spTgt spid="8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audio>
              <p:cMediaNode vol="27273">
                <p:cTn id="6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7"/>
                </p:tgtEl>
              </p:cMediaNode>
            </p:audio>
            <p:seq concurrent="1" nextAc="seek">
              <p:cTn id="65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6" fill="hold">
                      <p:stCondLst>
                        <p:cond delay="0"/>
                      </p:stCondLst>
                      <p:childTnLst>
                        <p:par>
                          <p:cTn id="67" fill="hold">
                            <p:stCondLst>
                              <p:cond delay="0"/>
                            </p:stCondLst>
                            <p:childTnLst>
                              <p:par>
                                <p:cTn id="68" presetID="26" presetClass="emph" presetSubtype="0" repeatCount="3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9" dur="250" tmFilter="0, 0; .2, .5; .8, .5; 1, 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70" dur="125" autoRev="1" fill="hold"/>
                                        <p:tgtEl>
                                          <p:spTgt spid="6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71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2" dur="1045" fill="hold"/>
                                        <p:tgtEl>
                                          <p:spTgt spid="1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73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74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7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6" dur="3324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audio>
              <p:cMediaNode vol="24242">
                <p:cTn id="7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8"/>
                </p:tgtEl>
              </p:cMediaNode>
            </p:audio>
            <p:seq concurrent="1" nextAc="seek">
              <p:cTn id="78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9" fill="hold">
                      <p:stCondLst>
                        <p:cond delay="0"/>
                      </p:stCondLst>
                      <p:childTnLst>
                        <p:par>
                          <p:cTn id="80" fill="hold">
                            <p:stCondLst>
                              <p:cond delay="0"/>
                            </p:stCondLst>
                            <p:childTnLst>
                              <p:par>
                                <p:cTn id="81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2" dur="1506" fill="hold"/>
                                        <p:tgtEl>
                                          <p:spTgt spid="1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83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84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85" presetID="26" presetClass="emph" presetSubtype="0" repeatCount="3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6" dur="250" tmFilter="0, 0; .2, .5; .8, .5; 1, 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87" dur="125" autoRev="1" fill="hold"/>
                                        <p:tgtEl>
                                          <p:spTgt spid="10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88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9" dur="3324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  <p:seq concurrent="1" nextAc="seek">
              <p:cTn id="90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1" fill="hold">
                      <p:stCondLst>
                        <p:cond delay="0"/>
                      </p:stCondLst>
                      <p:childTnLst>
                        <p:par>
                          <p:cTn id="92" fill="hold">
                            <p:stCondLst>
                              <p:cond delay="0"/>
                            </p:stCondLst>
                            <p:childTnLst>
                              <p:par>
                                <p:cTn id="93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95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6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97" dur="1506" fill="hold"/>
                                        <p:tgtEl>
                                          <p:spTgt spid="1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98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99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00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01" dur="3324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102" presetID="26" presetClass="emph" presetSubtype="0" repeatCount="3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3" dur="250" tmFilter="0, 0; .2, .5; .8, .5; 1, 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104" dur="125" autoRev="1" fill="hold"/>
                                        <p:tgtEl>
                                          <p:spTgt spid="9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audio>
              <p:cMediaNode vol="100000">
                <p:cTn id="10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2"/>
                </p:tgtEl>
              </p:cMediaNode>
            </p:audio>
            <p:audio>
              <p:cMediaNode vol="80000">
                <p:cTn id="10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  <p:seq concurrent="1" nextAc="seek">
              <p:cTn id="107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8" fill="hold">
                      <p:stCondLst>
                        <p:cond delay="0"/>
                      </p:stCondLst>
                      <p:childTnLst>
                        <p:par>
                          <p:cTn id="109" fill="hold">
                            <p:stCondLst>
                              <p:cond delay="0"/>
                            </p:stCondLst>
                            <p:childTnLst>
                              <p:par>
                                <p:cTn id="110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66667E-6 4.07407E-6 L -0.27708 0.38703 " pathEditMode="relative" rAng="0" ptsTypes="AA">
                                      <p:cBhvr>
                                        <p:cTn id="111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3854" y="19352"/>
                                    </p:animMotion>
                                  </p:childTnLst>
                                </p:cTn>
                              </p:par>
                              <p:par>
                                <p:cTn id="112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13" dur="3970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114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115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16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17" dur="3278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118" presetID="26" presetClass="emph" presetSubtype="0" repeatCount="4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9" dur="250" tmFilter="0, 0; .2, .5; .8, .5; 1, 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120" dur="125" autoRev="1" fill="hold"/>
                                        <p:tgtEl>
                                          <p:spTgt spid="5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40743" y="0"/>
            <a:ext cx="12250113" cy="6858000"/>
          </a:xfrm>
          <a:prstGeom prst="rect">
            <a:avLst/>
          </a:prstGeom>
        </p:spPr>
      </p:pic>
      <p:pic>
        <p:nvPicPr>
          <p:cNvPr id="6" name="xe đạp"/>
          <p:cNvPicPr>
            <a:picLocks noChangeAspect="1"/>
          </p:cNvPicPr>
          <p:nvPr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0224" y="1945101"/>
            <a:ext cx="2780369" cy="1890116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7" name="xe máy"/>
          <p:cNvPicPr>
            <a:picLocks noChangeAspect="1"/>
          </p:cNvPicPr>
          <p:nvPr/>
        </p:nvPicPr>
        <p:blipFill>
          <a:blip r:embed="rId1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198993" y="-148649"/>
            <a:ext cx="3187788" cy="2363213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9" name="ô tô"/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997" y="5064212"/>
            <a:ext cx="2894248" cy="1628015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10" name="máy bay"/>
          <p:cNvPicPr>
            <a:picLocks noChangeAspect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1" y="3835217"/>
            <a:ext cx="3288217" cy="1726314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11" name="tàu lửa"/>
          <p:cNvPicPr>
            <a:picLocks noChangeAspect="1"/>
          </p:cNvPicPr>
          <p:nvPr/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795918" y="-188910"/>
            <a:ext cx="4927465" cy="2463733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12" name="Tieng-vo-tay-tra-loi-dung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end="4115.8333"/>
                </p14:media>
              </p:ext>
            </p:extLst>
          </p:nvPr>
        </p:nvPicPr>
        <p:blipFill>
          <a:blip r:embed="rId18"/>
          <a:stretch>
            <a:fillRect/>
          </a:stretch>
        </p:blipFill>
        <p:spPr>
          <a:xfrm>
            <a:off x="7829550" y="-1180305"/>
            <a:ext cx="609600" cy="609600"/>
          </a:xfrm>
          <a:prstGeom prst="rect">
            <a:avLst/>
          </a:prstGeom>
        </p:spPr>
      </p:pic>
      <p:pic>
        <p:nvPicPr>
          <p:cNvPr id="13" name="ăt cuoi"/>
          <p:cNvPicPr>
            <a:picLocks noChangeAspect="1"/>
          </p:cNvPicPr>
          <p:nvPr/>
        </p:nvPicPr>
        <p:blipFill>
          <a:blip r:embed="rId1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07881" y="2041402"/>
            <a:ext cx="3001490" cy="2656972"/>
          </a:xfrm>
          <a:prstGeom prst="rect">
            <a:avLst/>
          </a:prstGeom>
        </p:spPr>
      </p:pic>
      <p:pic>
        <p:nvPicPr>
          <p:cNvPr id="14" name="ăt êu"/>
          <p:cNvPicPr>
            <a:picLocks noChangeAspect="1"/>
          </p:cNvPicPr>
          <p:nvPr/>
        </p:nvPicPr>
        <p:blipFill>
          <a:blip r:embed="rId2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84732" y="4299287"/>
            <a:ext cx="2532817" cy="1899613"/>
          </a:xfrm>
          <a:prstGeom prst="rect">
            <a:avLst/>
          </a:prstGeom>
        </p:spPr>
      </p:pic>
      <p:pic>
        <p:nvPicPr>
          <p:cNvPr id="16" name="Am-thanh-tra-loi-sai-wav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4">
                  <p14:trim st="484" end="1583.1065"/>
                </p14:media>
              </p:ext>
            </p:extLst>
          </p:nvPr>
        </p:nvPicPr>
        <p:blipFill>
          <a:blip r:embed="rId18"/>
          <a:stretch>
            <a:fillRect/>
          </a:stretch>
        </p:blipFill>
        <p:spPr>
          <a:xfrm>
            <a:off x="4202337" y="-1365591"/>
            <a:ext cx="609600" cy="609600"/>
          </a:xfrm>
          <a:prstGeom prst="rect">
            <a:avLst/>
          </a:prstGeom>
        </p:spPr>
      </p:pic>
      <p:pic>
        <p:nvPicPr>
          <p:cNvPr id="17" name="Am-thanh-tra-loi-sai-wav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4">
                  <p14:trim st="748" end="1608.1065"/>
                </p14:media>
              </p:ext>
            </p:extLst>
          </p:nvPr>
        </p:nvPicPr>
        <p:blipFill>
          <a:blip r:embed="rId18"/>
          <a:stretch>
            <a:fillRect/>
          </a:stretch>
        </p:blipFill>
        <p:spPr>
          <a:xfrm>
            <a:off x="2340993" y="-1369432"/>
            <a:ext cx="609600" cy="609600"/>
          </a:xfrm>
          <a:prstGeom prst="rect">
            <a:avLst/>
          </a:prstGeom>
        </p:spPr>
      </p:pic>
      <p:pic>
        <p:nvPicPr>
          <p:cNvPr id="18" name="Am-thanh-tra-loi-sai-wav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4">
                  <p14:trim st="786" end="1742.1065"/>
                </p14:media>
              </p:ext>
            </p:extLst>
          </p:nvPr>
        </p:nvPicPr>
        <p:blipFill>
          <a:blip r:embed="rId18"/>
          <a:stretch>
            <a:fillRect/>
          </a:stretch>
        </p:blipFill>
        <p:spPr>
          <a:xfrm>
            <a:off x="-650342" y="1945101"/>
            <a:ext cx="609600" cy="609600"/>
          </a:xfrm>
          <a:prstGeom prst="rect">
            <a:avLst/>
          </a:prstGeom>
        </p:spPr>
      </p:pic>
      <p:pic>
        <p:nvPicPr>
          <p:cNvPr id="22" name="Recorded Sound">
            <a:hlinkClick r:id="" action="ppaction://media"/>
          </p:cNvPr>
          <p:cNvPicPr>
            <a:picLocks noChangeAspect="1"/>
          </p:cNvPicPr>
          <p:nvPr>
            <a:audioFile r:link="rId6"/>
            <p:extLst>
              <p:ext uri="{DAA4B4D4-6D71-4841-9C94-3DE7FCFB9230}">
                <p14:media xmlns:p14="http://schemas.microsoft.com/office/powerpoint/2010/main" r:embed="rId5"/>
              </p:ext>
            </p:extLst>
          </p:nvPr>
        </p:nvPicPr>
        <p:blipFill>
          <a:blip r:embed="rId18"/>
          <a:stretch>
            <a:fillRect/>
          </a:stretch>
        </p:blipFill>
        <p:spPr>
          <a:xfrm>
            <a:off x="191983" y="-1058523"/>
            <a:ext cx="609600" cy="609600"/>
          </a:xfrm>
          <a:prstGeom prst="rect">
            <a:avLst/>
          </a:prstGeom>
        </p:spPr>
      </p:pic>
      <p:pic>
        <p:nvPicPr>
          <p:cNvPr id="2" name="Picture 1"/>
          <p:cNvPicPr>
            <a:picLocks noChangeAspect="1"/>
          </p:cNvPicPr>
          <p:nvPr/>
        </p:nvPicPr>
        <p:blipFill>
          <a:blip r:embed="rId2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065810" y="2176690"/>
            <a:ext cx="6238970" cy="4681310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8" name="thuyền buồm"/>
          <p:cNvPicPr>
            <a:picLocks noChangeAspect="1"/>
          </p:cNvPicPr>
          <p:nvPr/>
        </p:nvPicPr>
        <p:blipFill>
          <a:blip r:embed="rId2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235974" y="-220333"/>
            <a:ext cx="3687447" cy="2459685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20" name="Recorded Sound">
            <a:hlinkClick r:id="" action="ppaction://media"/>
          </p:cNvPr>
          <p:cNvPicPr>
            <a:picLocks noChangeAspect="1"/>
          </p:cNvPicPr>
          <p:nvPr>
            <a:audioFile r:link="rId8"/>
            <p:extLst>
              <p:ext uri="{DAA4B4D4-6D71-4841-9C94-3DE7FCFB9230}">
                <p14:media xmlns:p14="http://schemas.microsoft.com/office/powerpoint/2010/main" r:embed="rId7"/>
              </p:ext>
            </p:extLst>
          </p:nvPr>
        </p:nvPicPr>
        <p:blipFill>
          <a:blip r:embed="rId18"/>
          <a:stretch>
            <a:fillRect/>
          </a:stretch>
        </p:blipFill>
        <p:spPr>
          <a:xfrm>
            <a:off x="10246340" y="-1064632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9028518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Tm="10248"/>
    </mc:Choice>
    <mc:Fallback xmlns="">
      <p:transition advTm="10248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2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28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29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0" fill="hold">
                      <p:stCondLst>
                        <p:cond delay="0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6" presetClass="emph" presetSubtype="0" repeatCount="3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250" tmFilter="0, 0; .2, .5; .8, .5; 1, 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34" dur="125" autoRev="1" fill="hold"/>
                                        <p:tgtEl>
                                          <p:spTgt spid="11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35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36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37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8" dur="1217" fill="hold"/>
                                        <p:tgtEl>
                                          <p:spTgt spid="1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39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0" dur="3324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audio>
              <p:cMediaNode vol="34848">
                <p:cTn id="4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  <p:seq concurrent="1" nextAc="seek">
              <p:cTn id="42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3" fill="hold">
                      <p:stCondLst>
                        <p:cond delay="0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6" dur="1506" fill="hold"/>
                                        <p:tgtEl>
                                          <p:spTgt spid="1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47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8" dur="3324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49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50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51" presetID="26" presetClass="emph" presetSubtype="0" repeatCount="3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250" tmFilter="0, 0; .2, .5; .8, .5; 1, 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53" dur="125" autoRev="1" fill="hold"/>
                                        <p:tgtEl>
                                          <p:spTgt spid="7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  <p:audio>
              <p:cMediaNode vol="27273">
                <p:cTn id="5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6"/>
                </p:tgtEl>
              </p:cMediaNode>
            </p:audio>
            <p:seq concurrent="1" nextAc="seek">
              <p:cTn id="55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6" fill="hold">
                      <p:stCondLst>
                        <p:cond delay="0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8.33333E-7 -2.22222E-6 L 0.41615 0.38773 " pathEditMode="relative" rAng="0" ptsTypes="AA">
                                      <p:cBhvr>
                                        <p:cTn id="59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0807" y="19375"/>
                                    </p:animMotion>
                                  </p:childTnLst>
                                </p:cTn>
                              </p:par>
                              <p:par>
                                <p:cTn id="60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1" dur="3278" fill="hold"/>
                                        <p:tgtEl>
                                          <p:spTgt spid="2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62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63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64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5" dur="3970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audio>
              <p:cMediaNode vol="27273">
                <p:cTn id="6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7"/>
                </p:tgtEl>
              </p:cMediaNode>
            </p:audio>
            <p:seq concurrent="1" nextAc="seek">
              <p:cTn id="67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8" fill="hold">
                      <p:stCondLst>
                        <p:cond delay="0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26" presetClass="emph" presetSubtype="0" repeatCount="3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1" dur="250" tmFilter="0, 0; .2, .5; .8, .5; 1, 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72" dur="125" autoRev="1" fill="hold"/>
                                        <p:tgtEl>
                                          <p:spTgt spid="6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73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4" dur="1045" fill="hold"/>
                                        <p:tgtEl>
                                          <p:spTgt spid="1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75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76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77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8" dur="3324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audio>
              <p:cMediaNode vol="24242">
                <p:cTn id="79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8"/>
                </p:tgtEl>
              </p:cMediaNode>
            </p:audio>
            <p:seq concurrent="1" nextAc="seek">
              <p:cTn id="80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1" fill="hold">
                      <p:stCondLst>
                        <p:cond delay="0"/>
                      </p:stCondLst>
                      <p:childTnLst>
                        <p:par>
                          <p:cTn id="82" fill="hold">
                            <p:stCondLst>
                              <p:cond delay="0"/>
                            </p:stCondLst>
                            <p:childTnLst>
                              <p:par>
                                <p:cTn id="83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4" dur="1506" fill="hold"/>
                                        <p:tgtEl>
                                          <p:spTgt spid="1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85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86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87" presetID="26" presetClass="emph" presetSubtype="0" repeatCount="3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8" dur="250" tmFilter="0, 0; .2, .5; .8, .5; 1, 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89" dur="125" autoRev="1" fill="hold"/>
                                        <p:tgtEl>
                                          <p:spTgt spid="10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90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91" dur="3324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  <p:seq concurrent="1" nextAc="seek">
              <p:cTn id="92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3" fill="hold">
                      <p:stCondLst>
                        <p:cond delay="0"/>
                      </p:stCondLst>
                      <p:childTnLst>
                        <p:par>
                          <p:cTn id="94" fill="hold">
                            <p:stCondLst>
                              <p:cond delay="0"/>
                            </p:stCondLst>
                            <p:childTnLst>
                              <p:par>
                                <p:cTn id="9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9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8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99" dur="1506" fill="hold"/>
                                        <p:tgtEl>
                                          <p:spTgt spid="1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100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101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02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03" dur="3324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104" presetID="26" presetClass="emph" presetSubtype="0" repeatCount="3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5" dur="250" tmFilter="0, 0; .2, .5; .8, .5; 1, 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106" dur="125" autoRev="1" fill="hold"/>
                                        <p:tgtEl>
                                          <p:spTgt spid="9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audio>
              <p:cMediaNode vol="100000">
                <p:cTn id="10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2"/>
                </p:tgtEl>
              </p:cMediaNode>
            </p:audio>
            <p:audio>
              <p:cMediaNode vol="80000">
                <p:cTn id="10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0"/>
                </p:tgtEl>
              </p:cMediaNode>
            </p:audio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nền">
            <a:hlinkClick r:id="rId11" action="ppaction://hlinksldjump"/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868" t="622" r="16636" b="-622"/>
          <a:stretch/>
        </p:blipFill>
        <p:spPr>
          <a:xfrm>
            <a:off x="-218602" y="0"/>
            <a:ext cx="12427973" cy="6858000"/>
          </a:xfrm>
          <a:prstGeom prst="rect">
            <a:avLst/>
          </a:prstGeom>
        </p:spPr>
      </p:pic>
      <p:pic>
        <p:nvPicPr>
          <p:cNvPr id="6" name="xe đạp"/>
          <p:cNvPicPr>
            <a:picLocks noChangeAspect="1"/>
          </p:cNvPicPr>
          <p:nvPr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0224" y="1945101"/>
            <a:ext cx="2780369" cy="1890116"/>
          </a:xfrm>
          <a:prstGeom prst="rect">
            <a:avLst/>
          </a:prstGeom>
        </p:spPr>
      </p:pic>
      <p:pic>
        <p:nvPicPr>
          <p:cNvPr id="7" name="xe máy"/>
          <p:cNvPicPr>
            <a:picLocks noChangeAspect="1"/>
          </p:cNvPicPr>
          <p:nvPr/>
        </p:nvPicPr>
        <p:blipFill>
          <a:blip r:embed="rId1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198993" y="-148649"/>
            <a:ext cx="3187788" cy="2363213"/>
          </a:xfrm>
          <a:prstGeom prst="rect">
            <a:avLst/>
          </a:prstGeom>
        </p:spPr>
      </p:pic>
      <p:pic>
        <p:nvPicPr>
          <p:cNvPr id="9" name="ô tô"/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997" y="5064212"/>
            <a:ext cx="2894248" cy="1628015"/>
          </a:xfrm>
          <a:prstGeom prst="rect">
            <a:avLst/>
          </a:prstGeom>
        </p:spPr>
      </p:pic>
      <p:pic>
        <p:nvPicPr>
          <p:cNvPr id="11" name="tàu lửa"/>
          <p:cNvPicPr>
            <a:picLocks noChangeAspect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795918" y="-188910"/>
            <a:ext cx="4927465" cy="2463733"/>
          </a:xfrm>
          <a:prstGeom prst="rect">
            <a:avLst/>
          </a:prstGeom>
        </p:spPr>
      </p:pic>
      <p:pic>
        <p:nvPicPr>
          <p:cNvPr id="12" name="Tieng-vo-tay-tra-loi-dung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end="4115.8333"/>
                </p14:media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7829550" y="-1180305"/>
            <a:ext cx="609600" cy="609600"/>
          </a:xfrm>
          <a:prstGeom prst="rect">
            <a:avLst/>
          </a:prstGeom>
        </p:spPr>
      </p:pic>
      <p:pic>
        <p:nvPicPr>
          <p:cNvPr id="13" name="ăt cuoi"/>
          <p:cNvPicPr>
            <a:picLocks noChangeAspect="1"/>
          </p:cNvPicPr>
          <p:nvPr/>
        </p:nvPicPr>
        <p:blipFill>
          <a:blip r:embed="rId1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07881" y="2041402"/>
            <a:ext cx="3001490" cy="2656972"/>
          </a:xfrm>
          <a:prstGeom prst="rect">
            <a:avLst/>
          </a:prstGeom>
        </p:spPr>
      </p:pic>
      <p:pic>
        <p:nvPicPr>
          <p:cNvPr id="14" name="ăt êu"/>
          <p:cNvPicPr>
            <a:picLocks noChangeAspect="1"/>
          </p:cNvPicPr>
          <p:nvPr/>
        </p:nvPicPr>
        <p:blipFill>
          <a:blip r:embed="rId1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84732" y="4299287"/>
            <a:ext cx="2532817" cy="1899613"/>
          </a:xfrm>
          <a:prstGeom prst="rect">
            <a:avLst/>
          </a:prstGeom>
        </p:spPr>
      </p:pic>
      <p:pic>
        <p:nvPicPr>
          <p:cNvPr id="16" name="Am-thanh-tra-loi-sai-wav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4">
                  <p14:trim st="484" end="1583.1065"/>
                </p14:media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4202337" y="-1365591"/>
            <a:ext cx="609600" cy="609600"/>
          </a:xfrm>
          <a:prstGeom prst="rect">
            <a:avLst/>
          </a:prstGeom>
        </p:spPr>
      </p:pic>
      <p:pic>
        <p:nvPicPr>
          <p:cNvPr id="17" name="Am-thanh-tra-loi-sai-wav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4">
                  <p14:trim st="748" end="1608.1065"/>
                </p14:media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2340993" y="-1369432"/>
            <a:ext cx="609600" cy="609600"/>
          </a:xfrm>
          <a:prstGeom prst="rect">
            <a:avLst/>
          </a:prstGeom>
        </p:spPr>
      </p:pic>
      <p:pic>
        <p:nvPicPr>
          <p:cNvPr id="18" name="Am-thanh-tra-loi-sai-wav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4">
                  <p14:trim st="786" end="1742.1065"/>
                </p14:media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-650342" y="1945101"/>
            <a:ext cx="609600" cy="609600"/>
          </a:xfrm>
          <a:prstGeom prst="rect">
            <a:avLst/>
          </a:prstGeom>
        </p:spPr>
      </p:pic>
      <p:pic>
        <p:nvPicPr>
          <p:cNvPr id="22" name="Recorded Sound">
            <a:hlinkClick r:id="" action="ppaction://media"/>
          </p:cNvPr>
          <p:cNvPicPr>
            <a:picLocks noChangeAspect="1"/>
          </p:cNvPicPr>
          <p:nvPr>
            <a:audioFile r:link="rId6"/>
            <p:extLst>
              <p:ext uri="{DAA4B4D4-6D71-4841-9C94-3DE7FCFB9230}">
                <p14:media xmlns:p14="http://schemas.microsoft.com/office/powerpoint/2010/main" r:embed="rId5"/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191983" y="-1058523"/>
            <a:ext cx="609600" cy="609600"/>
          </a:xfrm>
          <a:prstGeom prst="rect">
            <a:avLst/>
          </a:prstGeom>
        </p:spPr>
      </p:pic>
      <p:pic>
        <p:nvPicPr>
          <p:cNvPr id="8" name="thuyền buồm"/>
          <p:cNvPicPr>
            <a:picLocks noChangeAspect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235974" y="-220333"/>
            <a:ext cx="3687447" cy="2459685"/>
          </a:xfrm>
          <a:prstGeom prst="rect">
            <a:avLst/>
          </a:prstGeom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2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983263" y="2098804"/>
            <a:ext cx="6544905" cy="4759196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10" name="máy bay"/>
          <p:cNvPicPr>
            <a:picLocks noChangeAspect="1"/>
          </p:cNvPicPr>
          <p:nvPr/>
        </p:nvPicPr>
        <p:blipFill>
          <a:blip r:embed="rId2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1" y="3835217"/>
            <a:ext cx="3288217" cy="1726314"/>
          </a:xfrm>
          <a:prstGeom prst="rect">
            <a:avLst/>
          </a:prstGeom>
        </p:spPr>
      </p:pic>
      <p:pic>
        <p:nvPicPr>
          <p:cNvPr id="20" name="Recorded Sound">
            <a:hlinkClick r:id="" action="ppaction://media"/>
          </p:cNvPr>
          <p:cNvPicPr>
            <a:picLocks noChangeAspect="1"/>
          </p:cNvPicPr>
          <p:nvPr>
            <a:audioFile r:link="rId8"/>
            <p:extLst>
              <p:ext uri="{DAA4B4D4-6D71-4841-9C94-3DE7FCFB9230}">
                <p14:media xmlns:p14="http://schemas.microsoft.com/office/powerpoint/2010/main" r:embed="rId7"/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10246340" y="-1064632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0945184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Tm="10376"/>
    </mc:Choice>
    <mc:Fallback xmlns="">
      <p:transition advTm="10376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2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28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29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0" fill="hold">
                      <p:stCondLst>
                        <p:cond delay="0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6" presetClass="emph" presetSubtype="0" repeatCount="3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250" tmFilter="0, 0; .2, .5; .8, .5; 1, 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34" dur="125" autoRev="1" fill="hold"/>
                                        <p:tgtEl>
                                          <p:spTgt spid="11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35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36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37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8" dur="1217" fill="hold"/>
                                        <p:tgtEl>
                                          <p:spTgt spid="1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39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0" dur="3324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audio>
              <p:cMediaNode vol="34848">
                <p:cTn id="4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  <p:seq concurrent="1" nextAc="seek">
              <p:cTn id="42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3" fill="hold">
                      <p:stCondLst>
                        <p:cond delay="0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6" dur="1506" fill="hold"/>
                                        <p:tgtEl>
                                          <p:spTgt spid="1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47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8" dur="3324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49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50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51" presetID="26" presetClass="emph" presetSubtype="0" repeatCount="3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250" tmFilter="0, 0; .2, .5; .8, .5; 1, 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53" dur="125" autoRev="1" fill="hold"/>
                                        <p:tgtEl>
                                          <p:spTgt spid="7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  <p:audio>
              <p:cMediaNode vol="27273">
                <p:cTn id="5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6"/>
                </p:tgtEl>
              </p:cMediaNode>
            </p:audio>
            <p:seq concurrent="1" nextAc="seek">
              <p:cTn id="55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26" presetClass="emph" presetSubtype="0" repeatCount="3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9" dur="250" tmFilter="0, 0; .2, .5; .8, .5; 1, 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60" dur="125" autoRev="1" fill="hold"/>
                                        <p:tgtEl>
                                          <p:spTgt spid="8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61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62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63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4" dur="1506" fill="hold"/>
                                        <p:tgtEl>
                                          <p:spTgt spid="1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6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6" dur="3324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audio>
              <p:cMediaNode vol="27273">
                <p:cTn id="6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7"/>
                </p:tgtEl>
              </p:cMediaNode>
            </p:audio>
            <p:seq concurrent="1" nextAc="seek">
              <p:cTn id="68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9" fill="hold">
                      <p:stCondLst>
                        <p:cond delay="0"/>
                      </p:stCondLst>
                      <p:childTnLst>
                        <p:par>
                          <p:cTn id="70" fill="hold">
                            <p:stCondLst>
                              <p:cond delay="0"/>
                            </p:stCondLst>
                            <p:childTnLst>
                              <p:par>
                                <p:cTn id="71" presetID="26" presetClass="emph" presetSubtype="0" repeatCount="3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2" dur="250" tmFilter="0, 0; .2, .5; .8, .5; 1, 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73" dur="125" autoRev="1" fill="hold"/>
                                        <p:tgtEl>
                                          <p:spTgt spid="6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74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5" dur="1045" fill="hold"/>
                                        <p:tgtEl>
                                          <p:spTgt spid="1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76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77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78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9" dur="3324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audio>
              <p:cMediaNode vol="24242">
                <p:cTn id="8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8"/>
                </p:tgtEl>
              </p:cMediaNode>
            </p:audio>
            <p:seq concurrent="1" nextAc="seek">
              <p:cTn id="81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2" fill="hold">
                      <p:stCondLst>
                        <p:cond delay="0"/>
                      </p:stCondLst>
                      <p:childTnLst>
                        <p:par>
                          <p:cTn id="83" fill="hold">
                            <p:stCondLst>
                              <p:cond delay="0"/>
                            </p:stCondLst>
                            <p:childTnLst>
                              <p:par>
                                <p:cTn id="84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5" dur="3970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86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7" dur="3278" fill="hold"/>
                                        <p:tgtEl>
                                          <p:spTgt spid="2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88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89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90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375E-6 -3.7037E-6 L 0.28046 -0.13564 " pathEditMode="relative" rAng="0" ptsTypes="AA">
                                      <p:cBhvr>
                                        <p:cTn id="91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4023" y="-6782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  <p:seq concurrent="1" nextAc="seek">
              <p:cTn id="92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3" fill="hold">
                      <p:stCondLst>
                        <p:cond delay="0"/>
                      </p:stCondLst>
                      <p:childTnLst>
                        <p:par>
                          <p:cTn id="94" fill="hold">
                            <p:stCondLst>
                              <p:cond delay="0"/>
                            </p:stCondLst>
                            <p:childTnLst>
                              <p:par>
                                <p:cTn id="9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9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8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99" dur="1506" fill="hold"/>
                                        <p:tgtEl>
                                          <p:spTgt spid="1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100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101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02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03" dur="3324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104" presetID="26" presetClass="emph" presetSubtype="0" repeatCount="3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5" dur="250" tmFilter="0, 0; .2, .5; .8, .5; 1, 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106" dur="125" autoRev="1" fill="hold"/>
                                        <p:tgtEl>
                                          <p:spTgt spid="9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audio>
              <p:cMediaNode vol="100000">
                <p:cTn id="10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2"/>
                </p:tgtEl>
              </p:cMediaNode>
            </p:audio>
            <p:audio>
              <p:cMediaNode vol="80000">
                <p:cTn id="10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0"/>
                </p:tgtEl>
              </p:cMediaNode>
            </p:audio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hlinkClick r:id="rId12" action="ppaction://hlinksldjump"/>
          </p:cNvPr>
          <p:cNvPicPr>
            <a:picLocks noChangeAspect="1"/>
          </p:cNvPicPr>
          <p:nvPr/>
        </p:nvPicPr>
        <p:blipFill rotWithShape="1"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7" r="10150"/>
          <a:stretch/>
        </p:blipFill>
        <p:spPr>
          <a:xfrm>
            <a:off x="-800099" y="-361950"/>
            <a:ext cx="12992099" cy="7323516"/>
          </a:xfrm>
          <a:prstGeom prst="rect">
            <a:avLst/>
          </a:prstGeom>
        </p:spPr>
      </p:pic>
      <p:pic>
        <p:nvPicPr>
          <p:cNvPr id="8" name="thuyền buồm"/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345542" y="-333970"/>
            <a:ext cx="4065638" cy="2711955"/>
          </a:xfrm>
          <a:prstGeom prst="rect">
            <a:avLst/>
          </a:prstGeom>
        </p:spPr>
      </p:pic>
      <p:pic>
        <p:nvPicPr>
          <p:cNvPr id="10" name="máy bay"/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253346" y="3506123"/>
            <a:ext cx="3288217" cy="1726314"/>
          </a:xfrm>
          <a:prstGeom prst="rect">
            <a:avLst/>
          </a:prstGeom>
        </p:spPr>
      </p:pic>
      <p:pic>
        <p:nvPicPr>
          <p:cNvPr id="11" name="tàu lửa"/>
          <p:cNvPicPr>
            <a:picLocks noChangeAspect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908211" y="-364675"/>
            <a:ext cx="4927465" cy="2463733"/>
          </a:xfrm>
          <a:prstGeom prst="rect">
            <a:avLst/>
          </a:prstGeom>
        </p:spPr>
      </p:pic>
      <p:pic>
        <p:nvPicPr>
          <p:cNvPr id="12" name="Tieng-vo-tay-tra-loi-dung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end="4115.8333"/>
                </p14:media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7829550" y="-1180305"/>
            <a:ext cx="609600" cy="609600"/>
          </a:xfrm>
          <a:prstGeom prst="rect">
            <a:avLst/>
          </a:prstGeom>
        </p:spPr>
      </p:pic>
      <p:pic>
        <p:nvPicPr>
          <p:cNvPr id="13" name="ăt cuoi"/>
          <p:cNvPicPr>
            <a:picLocks noChangeAspect="1"/>
          </p:cNvPicPr>
          <p:nvPr/>
        </p:nvPicPr>
        <p:blipFill>
          <a:blip r:embed="rId1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45067" y="1836110"/>
            <a:ext cx="3001490" cy="2656972"/>
          </a:xfrm>
          <a:prstGeom prst="rect">
            <a:avLst/>
          </a:prstGeom>
        </p:spPr>
      </p:pic>
      <p:pic>
        <p:nvPicPr>
          <p:cNvPr id="14" name="ăt êu"/>
          <p:cNvPicPr>
            <a:picLocks noChangeAspect="1"/>
          </p:cNvPicPr>
          <p:nvPr/>
        </p:nvPicPr>
        <p:blipFill>
          <a:blip r:embed="rId1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59183" y="4097971"/>
            <a:ext cx="2532817" cy="1899613"/>
          </a:xfrm>
          <a:prstGeom prst="rect">
            <a:avLst/>
          </a:prstGeom>
        </p:spPr>
      </p:pic>
      <p:pic>
        <p:nvPicPr>
          <p:cNvPr id="16" name="Am-thanh-tra-loi-sai-wav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4">
                  <p14:trim st="484" end="1583.1065"/>
                </p14:media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4202337" y="-1365591"/>
            <a:ext cx="609600" cy="609600"/>
          </a:xfrm>
          <a:prstGeom prst="rect">
            <a:avLst/>
          </a:prstGeom>
        </p:spPr>
      </p:pic>
      <p:pic>
        <p:nvPicPr>
          <p:cNvPr id="17" name="Am-thanh-tra-loi-sai-wav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4">
                  <p14:trim st="748" end="1608.1065"/>
                </p14:media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2340993" y="-1369432"/>
            <a:ext cx="609600" cy="609600"/>
          </a:xfrm>
          <a:prstGeom prst="rect">
            <a:avLst/>
          </a:prstGeom>
        </p:spPr>
      </p:pic>
      <p:pic>
        <p:nvPicPr>
          <p:cNvPr id="18" name="Am-thanh-tra-loi-sai-wav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4">
                  <p14:trim st="786" end="1742.1065"/>
                </p14:media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-650342" y="1945101"/>
            <a:ext cx="609600" cy="609600"/>
          </a:xfrm>
          <a:prstGeom prst="rect">
            <a:avLst/>
          </a:prstGeom>
        </p:spPr>
      </p:pic>
      <p:pic>
        <p:nvPicPr>
          <p:cNvPr id="22" name="Recorded Sound">
            <a:hlinkClick r:id="" action="ppaction://media"/>
          </p:cNvPr>
          <p:cNvPicPr>
            <a:picLocks noChangeAspect="1"/>
          </p:cNvPicPr>
          <p:nvPr>
            <a:audioFile r:link="rId6"/>
            <p:extLst>
              <p:ext uri="{DAA4B4D4-6D71-4841-9C94-3DE7FCFB9230}">
                <p14:media xmlns:p14="http://schemas.microsoft.com/office/powerpoint/2010/main" r:embed="rId5"/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191983" y="-1058523"/>
            <a:ext cx="609600" cy="609600"/>
          </a:xfrm>
          <a:prstGeom prst="rect">
            <a:avLst/>
          </a:prstGeom>
        </p:spPr>
      </p:pic>
      <p:pic>
        <p:nvPicPr>
          <p:cNvPr id="2" name="Picture 1"/>
          <p:cNvPicPr>
            <a:picLocks noChangeAspect="1"/>
          </p:cNvPicPr>
          <p:nvPr/>
        </p:nvPicPr>
        <p:blipFill rotWithShape="1">
          <a:blip r:embed="rId2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371" t="4251" r="11575" b="20421"/>
          <a:stretch/>
        </p:blipFill>
        <p:spPr>
          <a:xfrm>
            <a:off x="2774911" y="2060054"/>
            <a:ext cx="6941271" cy="4901512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7" name="xe máy"/>
          <p:cNvPicPr>
            <a:picLocks noChangeAspect="1"/>
          </p:cNvPicPr>
          <p:nvPr/>
        </p:nvPicPr>
        <p:blipFill>
          <a:blip r:embed="rId2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982740" y="-352634"/>
            <a:ext cx="3365399" cy="2494882"/>
          </a:xfrm>
          <a:prstGeom prst="rect">
            <a:avLst/>
          </a:prstGeom>
        </p:spPr>
      </p:pic>
      <p:pic>
        <p:nvPicPr>
          <p:cNvPr id="6" name="xe đạp"/>
          <p:cNvPicPr>
            <a:picLocks noChangeAspect="1"/>
          </p:cNvPicPr>
          <p:nvPr/>
        </p:nvPicPr>
        <p:blipFill>
          <a:blip r:embed="rId2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0224" y="1945101"/>
            <a:ext cx="2780369" cy="1890116"/>
          </a:xfrm>
          <a:prstGeom prst="rect">
            <a:avLst/>
          </a:prstGeom>
        </p:spPr>
      </p:pic>
      <p:pic>
        <p:nvPicPr>
          <p:cNvPr id="9" name="ô tô"/>
          <p:cNvPicPr>
            <a:picLocks noChangeAspect="1"/>
          </p:cNvPicPr>
          <p:nvPr/>
        </p:nvPicPr>
        <p:blipFill>
          <a:blip r:embed="rId2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119337" y="5047778"/>
            <a:ext cx="2894248" cy="1628015"/>
          </a:xfrm>
          <a:prstGeom prst="rect">
            <a:avLst/>
          </a:prstGeom>
        </p:spPr>
      </p:pic>
      <p:pic>
        <p:nvPicPr>
          <p:cNvPr id="19" name="Recorded Sound">
            <a:hlinkClick r:id="" action="ppaction://media"/>
          </p:cNvPr>
          <p:cNvPicPr>
            <a:picLocks noChangeAspect="1"/>
          </p:cNvPicPr>
          <p:nvPr>
            <a:audioFile r:link="rId8"/>
            <p:extLst>
              <p:ext uri="{DAA4B4D4-6D71-4841-9C94-3DE7FCFB9230}">
                <p14:media xmlns:p14="http://schemas.microsoft.com/office/powerpoint/2010/main" r:embed="rId7"/>
              </p:ext>
            </p:extLst>
          </p:nvPr>
        </p:nvPicPr>
        <p:blipFill>
          <a:blip r:embed="rId17"/>
          <a:stretch>
            <a:fillRect/>
          </a:stretch>
        </p:blipFill>
        <p:spPr>
          <a:xfrm>
            <a:off x="10246340" y="-1064632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066224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Tm="15304"/>
    </mc:Choice>
    <mc:Fallback xmlns="">
      <p:transition advTm="15304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11" name="chimes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8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2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28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31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32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3" fill="hold">
                      <p:stCondLst>
                        <p:cond delay="0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6" presetClass="emph" presetSubtype="0" repeatCount="3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6" dur="250" tmFilter="0, 0; .2, .5; .8, .5; 1, 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37" dur="125" autoRev="1" fill="hold"/>
                                        <p:tgtEl>
                                          <p:spTgt spid="11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38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39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40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1" dur="1506" fill="hold"/>
                                        <p:tgtEl>
                                          <p:spTgt spid="1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42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3" dur="3324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audio>
              <p:cMediaNode vol="34848">
                <p:cTn id="4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  <p:seq concurrent="1" nextAc="seek">
              <p:cTn id="45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6" fill="hold">
                      <p:stCondLst>
                        <p:cond delay="0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9" dur="3278" fill="hold"/>
                                        <p:tgtEl>
                                          <p:spTgt spid="1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50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51" dur="3970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52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53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54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156 0.0081 L 0.18932 0.31412 " pathEditMode="relative" rAng="0" ptsTypes="AA">
                                      <p:cBhvr>
                                        <p:cTn id="55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9388" y="1530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  <p:audio>
              <p:cMediaNode vol="27273">
                <p:cTn id="5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6"/>
                </p:tgtEl>
              </p:cMediaNode>
            </p:audio>
            <p:seq concurrent="1" nextAc="seek">
              <p:cTn id="57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8" fill="hold">
                      <p:stCondLst>
                        <p:cond delay="0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26" presetClass="emph" presetSubtype="0" repeatCount="3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1" dur="250" tmFilter="0, 0; .2, .5; .8, .5; 1, 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62" dur="125" autoRev="1" fill="hold"/>
                                        <p:tgtEl>
                                          <p:spTgt spid="8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63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4" dur="1217" fill="hold"/>
                                        <p:tgtEl>
                                          <p:spTgt spid="1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6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6" dur="3324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67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68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audio>
              <p:cMediaNode vol="27273">
                <p:cTn id="69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7"/>
                </p:tgtEl>
              </p:cMediaNode>
            </p:audio>
            <p:seq concurrent="1" nextAc="seek">
              <p:cTn id="70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1" fill="hold">
                      <p:stCondLst>
                        <p:cond delay="0"/>
                      </p:stCondLst>
                      <p:childTnLst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6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7" dur="3970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78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9" dur="3278" fill="hold"/>
                                        <p:tgtEl>
                                          <p:spTgt spid="1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80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81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82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79167E-6 3.7037E-6 L 0.26667 0.16273 " pathEditMode="relative" rAng="0" ptsTypes="AA">
                                      <p:cBhvr>
                                        <p:cTn id="83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3333" y="812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audio>
              <p:cMediaNode vol="24242">
                <p:cTn id="8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8"/>
                </p:tgtEl>
              </p:cMediaNode>
            </p:audio>
            <p:seq concurrent="1" nextAc="seek">
              <p:cTn id="85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6" fill="hold">
                      <p:stCondLst>
                        <p:cond delay="0"/>
                      </p:stCondLst>
                      <p:childTnLst>
                        <p:par>
                          <p:cTn id="87" fill="hold">
                            <p:stCondLst>
                              <p:cond delay="0"/>
                            </p:stCondLst>
                            <p:childTnLst>
                              <p:par>
                                <p:cTn id="88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9" dur="1506" fill="hold"/>
                                        <p:tgtEl>
                                          <p:spTgt spid="1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90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91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92" presetID="26" presetClass="emph" presetSubtype="0" repeatCount="3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3" dur="250" tmFilter="0, 0; .2, .5; .8, .5; 1, 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94" dur="125" autoRev="1" fill="hold"/>
                                        <p:tgtEl>
                                          <p:spTgt spid="10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9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96" dur="3324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  <p:seq concurrent="1" nextAc="seek">
              <p:cTn id="97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8" fill="hold">
                      <p:stCondLst>
                        <p:cond delay="0"/>
                      </p:stCondLst>
                      <p:childTnLst>
                        <p:par>
                          <p:cTn id="99" fill="hold">
                            <p:stCondLst>
                              <p:cond delay="0"/>
                            </p:stCondLst>
                            <p:childTnLst>
                              <p:par>
                                <p:cTn id="100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0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3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04" dur="3970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105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106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07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08" dur="3278" fill="hold"/>
                                        <p:tgtEl>
                                          <p:spTgt spid="1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109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16667E-6 3.7037E-7 L 0.51706 -0.10232 " pathEditMode="relative" rAng="0" ptsTypes="AA">
                                      <p:cBhvr>
                                        <p:cTn id="110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5846" y="-511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audio>
              <p:cMediaNode vol="100000">
                <p:cTn id="11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2"/>
                </p:tgtEl>
              </p:cMediaNode>
            </p:audio>
            <p:audio>
              <p:cMediaNode vol="80000">
                <p:cTn id="11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9"/>
                </p:tgtEl>
              </p:cMediaNode>
            </p:audio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Content Placeholder 4">
            <a:hlinkClick r:id="rId6" action="ppaction://hlinksldjump"/>
          </p:cNvPr>
          <p:cNvPicPr>
            <a:picLocks noGrp="1" noChangeAspect="1"/>
          </p:cNvPicPr>
          <p:nvPr>
            <p:ph idx="1"/>
          </p:nvPr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2948" t="1668" r="13063"/>
          <a:stretch/>
        </p:blipFill>
        <p:spPr>
          <a:xfrm>
            <a:off x="-1" y="-38372"/>
            <a:ext cx="12192001" cy="6896372"/>
          </a:xfr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TextBox 5"/>
          <p:cNvSpPr txBox="1"/>
          <p:nvPr/>
        </p:nvSpPr>
        <p:spPr>
          <a:xfrm>
            <a:off x="1085850" y="1633623"/>
            <a:ext cx="10267950" cy="11695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ọn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ành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vi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úng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sai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am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a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ao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ông</a:t>
            </a:r>
            <a:endParaRPr lang="en-US" sz="3500" b="1" dirty="0">
              <a:ln w="0"/>
              <a:solidFill>
                <a:srgbClr val="00206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11" name="Recorded Sound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end="4262.0521"/>
                </p14:media>
              </p:ext>
            </p:extLst>
          </p:nvPr>
        </p:nvPicPr>
        <p:blipFill>
          <a:blip r:embed="rId8"/>
          <a:stretch>
            <a:fillRect/>
          </a:stretch>
        </p:blipFill>
        <p:spPr>
          <a:xfrm>
            <a:off x="6123515" y="-609600"/>
            <a:ext cx="609600" cy="609600"/>
          </a:xfrm>
          <a:prstGeom prst="rect">
            <a:avLst/>
          </a:prstGeom>
        </p:spPr>
      </p:pic>
      <p:sp>
        <p:nvSpPr>
          <p:cNvPr id="7" name="ĐÁP ÁN A"/>
          <p:cNvSpPr/>
          <p:nvPr/>
        </p:nvSpPr>
        <p:spPr>
          <a:xfrm>
            <a:off x="2517204" y="2959186"/>
            <a:ext cx="767443" cy="729974"/>
          </a:xfrm>
          <a:prstGeom prst="ellipse">
            <a:avLst/>
          </a:prstGeom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</a:p>
        </p:txBody>
      </p:sp>
      <p:sp>
        <p:nvSpPr>
          <p:cNvPr id="8" name="ĐÁP ÁN D"/>
          <p:cNvSpPr/>
          <p:nvPr/>
        </p:nvSpPr>
        <p:spPr>
          <a:xfrm>
            <a:off x="7651044" y="2991750"/>
            <a:ext cx="778329" cy="680934"/>
          </a:xfrm>
          <a:prstGeom prst="ellipse">
            <a:avLst/>
          </a:prstGeom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</a:t>
            </a:r>
            <a:endParaRPr lang="en-US" sz="32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ĐÁP ÁN C"/>
          <p:cNvSpPr/>
          <p:nvPr/>
        </p:nvSpPr>
        <p:spPr>
          <a:xfrm>
            <a:off x="5965701" y="2959186"/>
            <a:ext cx="804122" cy="702060"/>
          </a:xfrm>
          <a:prstGeom prst="ellipse">
            <a:avLst/>
          </a:prstGeom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</a:t>
            </a:r>
            <a:endParaRPr lang="en-US" sz="32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0" name="ĐÁP ÁN B"/>
          <p:cNvSpPr/>
          <p:nvPr/>
        </p:nvSpPr>
        <p:spPr>
          <a:xfrm>
            <a:off x="4205387" y="2962742"/>
            <a:ext cx="764603" cy="738951"/>
          </a:xfrm>
          <a:prstGeom prst="ellipse">
            <a:avLst/>
          </a:prstGeom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832584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Tm="19927"/>
    </mc:Choice>
    <mc:Fallback xmlns="">
      <p:transition advTm="19927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9" dur="15665" fill="hold"/>
                                        <p:tgtEl>
                                          <p:spTgt spid="1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1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26" presetClass="emph" presetSubtype="0" repeatCount="1467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" dur="1000" tmFilter="0, 0; .2, .5; .8, .5; 1, 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21" dur="500" autoRev="1" fill="hold"/>
                                        <p:tgtEl>
                                          <p:spTgt spid="7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22" presetID="26" presetClass="emph" presetSubtype="0" repeatCount="indefinite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3" dur="1000" tmFilter="0, 0; .2, .5; .8, .5; 1, 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24" dur="500" autoRev="1" fill="hold"/>
                                        <p:tgtEl>
                                          <p:spTgt spid="10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25" presetID="26" presetClass="emph" presetSubtype="0" repeatCount="indefinite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1000" tmFilter="0, 0; .2, .5; .8, .5; 1, 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27" dur="500" autoRev="1" fill="hold"/>
                                        <p:tgtEl>
                                          <p:spTgt spid="8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28" presetID="26" presetClass="emph" presetSubtype="0" repeatCount="indefinite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9" dur="1000" tmFilter="0, 0; .2, .5; .8, .5; 1, 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30" dur="500" autoRev="1" fill="hold"/>
                                        <p:tgtEl>
                                          <p:spTgt spid="9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3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1"/>
                </p:tgtEl>
              </p:cMediaNode>
            </p:audio>
          </p:childTnLst>
        </p:cTn>
      </p:par>
    </p:tnLst>
    <p:bldLst>
      <p:bldP spid="6" grpId="0"/>
      <p:bldP spid="7" grpId="0" animBg="1"/>
      <p:bldP spid="8" grpId="0" animBg="1"/>
      <p:bldP spid="8" grpId="1" animBg="1"/>
      <p:bldP spid="9" grpId="0" animBg="1"/>
      <p:bldP spid="9" grpId="1" animBg="1"/>
      <p:bldP spid="10" grpId="0" animBg="1"/>
      <p:bldP spid="10" grpId="1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CÂU HỎI"/>
          <p:cNvSpPr txBox="1"/>
          <p:nvPr/>
        </p:nvSpPr>
        <p:spPr>
          <a:xfrm>
            <a:off x="723899" y="0"/>
            <a:ext cx="11181229" cy="523220"/>
          </a:xfrm>
          <a:prstGeom prst="rect">
            <a:avLst/>
          </a:prstGeom>
          <a:solidFill>
            <a:schemeClr val="accent2">
              <a:alpha val="50000"/>
            </a:schemeClr>
          </a:soli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r>
              <a:rPr lang="en-US" sz="28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âu</a:t>
            </a:r>
            <a:r>
              <a:rPr lang="en-US" sz="28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1: </a:t>
            </a:r>
            <a:r>
              <a:rPr lang="en-US" sz="2800" b="1" dirty="0" err="1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</a:t>
            </a:r>
            <a:r>
              <a:rPr lang="en-US" sz="28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i</a:t>
            </a:r>
            <a:r>
              <a:rPr lang="en-US" sz="28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28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rên</a:t>
            </a:r>
            <a:r>
              <a:rPr lang="en-US" sz="28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ường</a:t>
            </a:r>
            <a:r>
              <a:rPr lang="en-US" sz="28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ộ</a:t>
            </a:r>
            <a:r>
              <a:rPr lang="en-US" sz="28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ành</a:t>
            </a:r>
            <a:r>
              <a:rPr lang="en-US" sz="28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vi </a:t>
            </a:r>
            <a:r>
              <a:rPr lang="en-US" sz="28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ào</a:t>
            </a:r>
            <a:r>
              <a:rPr lang="en-US" sz="28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ưới</a:t>
            </a:r>
            <a:r>
              <a:rPr lang="en-US" sz="28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ây</a:t>
            </a:r>
            <a:r>
              <a:rPr lang="en-US" sz="28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à</a:t>
            </a:r>
            <a:r>
              <a:rPr lang="en-US" sz="28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ành</a:t>
            </a:r>
            <a:r>
              <a:rPr lang="en-US" sz="28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vi </a:t>
            </a:r>
            <a:r>
              <a:rPr lang="en-US" sz="28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úng</a:t>
            </a:r>
            <a:r>
              <a:rPr lang="en-US" sz="28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?</a:t>
            </a:r>
            <a:endParaRPr lang="en-US" sz="2800" b="1" dirty="0">
              <a:ln w="0"/>
              <a:solidFill>
                <a:srgbClr val="00206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5" name="VỈA HÈ"/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47889" y="3690288"/>
            <a:ext cx="4196443" cy="3063491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pic>
        <p:nvPicPr>
          <p:cNvPr id="6" name="LÒNG ĐƯỜNG"/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71499" y="3586069"/>
            <a:ext cx="4229101" cy="3271931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pic>
        <p:nvPicPr>
          <p:cNvPr id="7" name="NHẢY DÂY"/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47889" y="643954"/>
            <a:ext cx="4196443" cy="2859134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pic>
        <p:nvPicPr>
          <p:cNvPr id="8" name="ĐI XE ÁY"/>
          <p:cNvPicPr>
            <a:picLocks noChangeAspect="1"/>
          </p:cNvPicPr>
          <p:nvPr/>
        </p:nvPicPr>
        <p:blipFill rotWithShape="1">
          <a:blip r:embed="rId1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4168" r="8829"/>
          <a:stretch/>
        </p:blipFill>
        <p:spPr>
          <a:xfrm>
            <a:off x="571498" y="698224"/>
            <a:ext cx="4229101" cy="3067574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sp>
        <p:nvSpPr>
          <p:cNvPr id="9" name="ĐÁP ÁN A"/>
          <p:cNvSpPr/>
          <p:nvPr/>
        </p:nvSpPr>
        <p:spPr>
          <a:xfrm>
            <a:off x="571497" y="740789"/>
            <a:ext cx="767443" cy="729974"/>
          </a:xfrm>
          <a:prstGeom prst="ellipse">
            <a:avLst/>
          </a:prstGeom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</a:p>
        </p:txBody>
      </p:sp>
      <p:sp>
        <p:nvSpPr>
          <p:cNvPr id="10" name="ĐÁP ÁN D"/>
          <p:cNvSpPr/>
          <p:nvPr/>
        </p:nvSpPr>
        <p:spPr>
          <a:xfrm>
            <a:off x="723900" y="6155940"/>
            <a:ext cx="778329" cy="680934"/>
          </a:xfrm>
          <a:prstGeom prst="ellipse">
            <a:avLst/>
          </a:prstGeom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</a:t>
            </a:r>
            <a:endParaRPr lang="en-US" sz="32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1" name="ĐÁP ÁN C"/>
          <p:cNvSpPr/>
          <p:nvPr/>
        </p:nvSpPr>
        <p:spPr>
          <a:xfrm>
            <a:off x="10445739" y="5818428"/>
            <a:ext cx="804122" cy="702060"/>
          </a:xfrm>
          <a:prstGeom prst="ellipse">
            <a:avLst/>
          </a:prstGeom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</a:t>
            </a:r>
            <a:endParaRPr lang="en-US" sz="32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2" name="ĐÁP ÁN B"/>
          <p:cNvSpPr/>
          <p:nvPr/>
        </p:nvSpPr>
        <p:spPr>
          <a:xfrm>
            <a:off x="10551140" y="602667"/>
            <a:ext cx="764603" cy="738951"/>
          </a:xfrm>
          <a:prstGeom prst="ellipse">
            <a:avLst/>
          </a:prstGeom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</a:t>
            </a:r>
          </a:p>
        </p:txBody>
      </p:sp>
      <p:pic>
        <p:nvPicPr>
          <p:cNvPr id="15" name="ăt cuoi"/>
          <p:cNvPicPr>
            <a:picLocks noChangeAspect="1"/>
          </p:cNvPicPr>
          <p:nvPr/>
        </p:nvPicPr>
        <p:blipFill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646962" y="1325617"/>
            <a:ext cx="2821876" cy="2497975"/>
          </a:xfrm>
          <a:prstGeom prst="rect">
            <a:avLst/>
          </a:prstGeom>
        </p:spPr>
      </p:pic>
      <p:pic>
        <p:nvPicPr>
          <p:cNvPr id="16" name="ăt êu"/>
          <p:cNvPicPr>
            <a:picLocks noChangeAspect="1"/>
          </p:cNvPicPr>
          <p:nvPr/>
        </p:nvPicPr>
        <p:blipFill>
          <a:blip r:embed="rId1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729316" y="4363484"/>
            <a:ext cx="2389941" cy="1792456"/>
          </a:xfrm>
          <a:prstGeom prst="rect">
            <a:avLst/>
          </a:prstGeom>
        </p:spPr>
      </p:pic>
      <p:pic>
        <p:nvPicPr>
          <p:cNvPr id="21" name="Tieng-vo-tay-tra-loi-dung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end="4115.8333"/>
                </p14:media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7829550" y="-1180305"/>
            <a:ext cx="609600" cy="609600"/>
          </a:xfrm>
          <a:prstGeom prst="rect">
            <a:avLst/>
          </a:prstGeom>
        </p:spPr>
      </p:pic>
      <p:pic>
        <p:nvPicPr>
          <p:cNvPr id="22" name="Am-thanh-tra-loi-sai-wav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4">
                  <p14:trim st="484" end="1583.1065"/>
                </p14:media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4119716" y="-1065316"/>
            <a:ext cx="609600" cy="609600"/>
          </a:xfrm>
          <a:prstGeom prst="rect">
            <a:avLst/>
          </a:prstGeom>
        </p:spPr>
      </p:pic>
      <p:pic>
        <p:nvPicPr>
          <p:cNvPr id="17" name="sai roi">
            <a:hlinkClick r:id="" action="ppaction://media"/>
          </p:cNvPr>
          <p:cNvPicPr>
            <a:picLocks noChangeAspect="1"/>
          </p:cNvPicPr>
          <p:nvPr>
            <a:audioFile r:link="rId6"/>
            <p:extLst>
              <p:ext uri="{DAA4B4D4-6D71-4841-9C94-3DE7FCFB9230}">
                <p14:media xmlns:p14="http://schemas.microsoft.com/office/powerpoint/2010/main" r:embed="rId5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191983" y="-1058523"/>
            <a:ext cx="609600" cy="609600"/>
          </a:xfrm>
          <a:prstGeom prst="rect">
            <a:avLst/>
          </a:prstGeom>
        </p:spPr>
      </p:pic>
      <p:pic>
        <p:nvPicPr>
          <p:cNvPr id="19" name="đúng roi">
            <a:hlinkClick r:id="" action="ppaction://media"/>
          </p:cNvPr>
          <p:cNvPicPr>
            <a:picLocks noChangeAspect="1"/>
          </p:cNvPicPr>
          <p:nvPr>
            <a:audioFile r:link="rId8"/>
            <p:extLst>
              <p:ext uri="{DAA4B4D4-6D71-4841-9C94-3DE7FCFB9230}">
                <p14:media xmlns:p14="http://schemas.microsoft.com/office/powerpoint/2010/main" r:embed="rId7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10246340" y="-1064632"/>
            <a:ext cx="609600" cy="609600"/>
          </a:xfrm>
          <a:prstGeom prst="rect">
            <a:avLst/>
          </a:prstGeom>
        </p:spPr>
      </p:pic>
      <p:pic>
        <p:nvPicPr>
          <p:cNvPr id="2" name="Recorded Sound">
            <a:hlinkClick r:id="" action="ppaction://media"/>
          </p:cNvPr>
          <p:cNvPicPr>
            <a:picLocks noChangeAspect="1"/>
          </p:cNvPicPr>
          <p:nvPr>
            <a:audioFile r:link="rId10"/>
            <p:extLst>
              <p:ext uri="{DAA4B4D4-6D71-4841-9C94-3DE7FCFB9230}">
                <p14:media xmlns:p14="http://schemas.microsoft.com/office/powerpoint/2010/main" r:embed="rId9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6038586" y="-2318391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9662153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Tm="20068"/>
    </mc:Choice>
    <mc:Fallback xmlns="">
      <p:transition advTm="20068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6" presetClass="emph" presetSubtype="0" repeatCount="3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" dur="250" tmFilter="0, 0; .2, .5; .8, .5; 1, 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11" dur="125" autoRev="1" fill="hold"/>
                                        <p:tgtEl>
                                          <p:spTgt spid="10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35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38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9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0" dur="7248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41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2" fill="hold">
                      <p:stCondLst>
                        <p:cond delay="0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6" presetClass="emph" presetSubtype="0" repeatCount="3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5" dur="250" tmFilter="0, 0; .2, .5; .8, .5; 1, 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46" dur="125" autoRev="1" fill="hold"/>
                                        <p:tgtEl>
                                          <p:spTgt spid="8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47" presetID="26" presetClass="emph" presetSubtype="0" repeatCount="3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8" dur="250" tmFilter="0, 0; .2, .5; .8, .5; 1, 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49" dur="125" autoRev="1" fill="hold"/>
                                        <p:tgtEl>
                                          <p:spTgt spid="9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50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51" dur="3278" fill="hold"/>
                                        <p:tgtEl>
                                          <p:spTgt spid="1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52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53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54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55" dur="3970" fill="hold"/>
                                        <p:tgtEl>
                                          <p:spTgt spid="2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seq concurrent="1" nextAc="seek">
              <p:cTn id="56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7" fill="hold">
                      <p:stCondLst>
                        <p:cond delay="0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26" presetClass="emph" presetSubtype="0" repeatCount="3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0" dur="250" tmFilter="0, 0; .2, .5; .8, .5; 1, 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61" dur="125" autoRev="1" fill="hold"/>
                                        <p:tgtEl>
                                          <p:spTgt spid="7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62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63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64" presetID="26" presetClass="emph" presetSubtype="0" repeatCount="3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5" dur="250" tmFilter="0, 0; .2, .5; .8, .5; 1, 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66" dur="125" autoRev="1" fill="hold"/>
                                        <p:tgtEl>
                                          <p:spTgt spid="12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67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8" dur="1506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69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0" dur="3324" fill="hold"/>
                                        <p:tgtEl>
                                          <p:spTgt spid="1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  <p:audio>
              <p:cMediaNode vol="34848">
                <p:cTn id="7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1"/>
                </p:tgtEl>
              </p:cMediaNode>
            </p:audio>
            <p:audio>
              <p:cMediaNode vol="27273">
                <p:cTn id="7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2"/>
                </p:tgtEl>
              </p:cMediaNode>
            </p:audio>
            <p:audio>
              <p:cMediaNode vol="100000">
                <p:cTn id="7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7"/>
                </p:tgtEl>
              </p:cMediaNode>
            </p:audio>
            <p:audio>
              <p:cMediaNode vol="80000">
                <p:cTn id="7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9"/>
                </p:tgtEl>
              </p:cMediaNode>
            </p:audio>
            <p:seq concurrent="1" nextAc="seek">
              <p:cTn id="75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6" fill="hold">
                      <p:stCondLst>
                        <p:cond delay="0"/>
                      </p:stCondLst>
                      <p:childTnLst>
                        <p:par>
                          <p:cTn id="77" fill="hold">
                            <p:stCondLst>
                              <p:cond delay="0"/>
                            </p:stCondLst>
                            <p:childTnLst>
                              <p:par>
                                <p:cTn id="78" presetID="26" presetClass="emph" presetSubtype="0" repeatCount="3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9" dur="250" tmFilter="0, 0; .2, .5; .8, .5; 1, 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80" dur="125" autoRev="1" fill="hold"/>
                                        <p:tgtEl>
                                          <p:spTgt spid="5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81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2" dur="3278" fill="hold"/>
                                        <p:tgtEl>
                                          <p:spTgt spid="1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83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84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85" presetID="26" presetClass="emph" presetSubtype="0" repeatCount="3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6" dur="250" tmFilter="0, 0; .2, .5; .8, .5; 1, 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87" dur="125" autoRev="1" fill="hold"/>
                                        <p:tgtEl>
                                          <p:spTgt spid="11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88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9" dur="3970" fill="hold"/>
                                        <p:tgtEl>
                                          <p:spTgt spid="2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seq concurrent="1" nextAc="seek">
              <p:cTn id="90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1" fill="hold">
                      <p:stCondLst>
                        <p:cond delay="0"/>
                      </p:stCondLst>
                      <p:childTnLst>
                        <p:par>
                          <p:cTn id="92" fill="hold">
                            <p:stCondLst>
                              <p:cond delay="0"/>
                            </p:stCondLst>
                            <p:childTnLst>
                              <p:par>
                                <p:cTn id="93" presetID="26" presetClass="emph" presetSubtype="0" repeatCount="3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4" dur="250" tmFilter="0, 0; .2, .5; .8, .5; 1, 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95" dur="125" autoRev="1" fill="hold"/>
                                        <p:tgtEl>
                                          <p:spTgt spid="6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96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97" dur="3324" fill="hold"/>
                                        <p:tgtEl>
                                          <p:spTgt spid="1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98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99" dur="1506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100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101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audio>
              <p:cMediaNode vol="80000">
                <p:cTn id="10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  <p:bldLst>
      <p:bldP spid="4" grpId="0"/>
      <p:bldP spid="9" grpId="0" animBg="1"/>
      <p:bldP spid="10" grpId="0" animBg="1"/>
      <p:bldP spid="10" grpId="1" animBg="1"/>
      <p:bldP spid="11" grpId="0" animBg="1"/>
      <p:bldP spid="11" grpId="1" animBg="1"/>
      <p:bldP spid="12" grpId="0" animBg="1"/>
      <p:bldP spid="12" grpId="1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8" name="Picture 17"/>
          <p:cNvPicPr>
            <a:picLocks noChangeAspect="1"/>
          </p:cNvPicPr>
          <p:nvPr/>
        </p:nvPicPr>
        <p:blipFill rotWithShape="1"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1586" t="6972" r="13012" b="3664"/>
          <a:stretch/>
        </p:blipFill>
        <p:spPr>
          <a:xfrm>
            <a:off x="7119257" y="3764058"/>
            <a:ext cx="4391526" cy="3112747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pic>
        <p:nvPicPr>
          <p:cNvPr id="14" name="đienthoai"/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9158" y="4051227"/>
            <a:ext cx="4229101" cy="2806773"/>
          </a:xfrm>
          <a:prstGeom prst="rect">
            <a:avLst/>
          </a:prstGeom>
          <a:ln w="38100" cap="sq">
            <a:solidFill>
              <a:srgbClr val="000000"/>
            </a:solidFill>
            <a:prstDash val="solid"/>
            <a:miter lim="800000"/>
          </a:ln>
          <a:effectLst>
            <a:outerShdw blurRad="50800" dist="38100" dir="2700000" algn="tl" rotWithShape="0">
              <a:srgbClr val="000000">
                <a:alpha val="43000"/>
              </a:srgbClr>
            </a:outerShdw>
          </a:effectLst>
        </p:spPr>
      </p:pic>
      <p:pic>
        <p:nvPicPr>
          <p:cNvPr id="13" name="ngoi sau xe"/>
          <p:cNvPicPr>
            <a:picLocks noChangeAspect="1"/>
          </p:cNvPicPr>
          <p:nvPr/>
        </p:nvPicPr>
        <p:blipFill rotWithShape="1"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24962"/>
          <a:stretch/>
        </p:blipFill>
        <p:spPr>
          <a:xfrm>
            <a:off x="7149349" y="791151"/>
            <a:ext cx="4361434" cy="2928857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pic>
        <p:nvPicPr>
          <p:cNvPr id="3" name="ngoi trc xe ay"/>
          <p:cNvPicPr>
            <a:picLocks noChangeAspect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46685" y="952414"/>
            <a:ext cx="4253915" cy="2910995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sp>
        <p:nvSpPr>
          <p:cNvPr id="4" name="CÂU HỎI"/>
          <p:cNvSpPr txBox="1"/>
          <p:nvPr/>
        </p:nvSpPr>
        <p:spPr>
          <a:xfrm>
            <a:off x="723899" y="0"/>
            <a:ext cx="10787743" cy="630942"/>
          </a:xfrm>
          <a:prstGeom prst="rect">
            <a:avLst/>
          </a:prstGeom>
          <a:solidFill>
            <a:schemeClr val="accent4">
              <a:alpha val="50000"/>
            </a:schemeClr>
          </a:soli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âu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  <a:r>
              <a:rPr lang="en-US" sz="3500" b="1" dirty="0" err="1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i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gồi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rên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e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máy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ành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vi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ào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à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ành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vi </a:t>
            </a:r>
            <a:r>
              <a:rPr lang="en-US" sz="3500" b="1" dirty="0" err="1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sai</a:t>
            </a:r>
            <a:r>
              <a:rPr lang="en-US" sz="3500" b="1" dirty="0" smtClean="0">
                <a:ln w="0"/>
                <a:solidFill>
                  <a:srgbClr val="00206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  <a:endParaRPr lang="en-US" sz="3500" b="1" dirty="0">
              <a:ln w="0"/>
              <a:solidFill>
                <a:srgbClr val="00206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ĐÁP ÁN A"/>
          <p:cNvSpPr/>
          <p:nvPr/>
        </p:nvSpPr>
        <p:spPr>
          <a:xfrm>
            <a:off x="600783" y="1086658"/>
            <a:ext cx="767443" cy="729974"/>
          </a:xfrm>
          <a:prstGeom prst="ellipse">
            <a:avLst/>
          </a:prstGeom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</a:p>
        </p:txBody>
      </p:sp>
      <p:sp>
        <p:nvSpPr>
          <p:cNvPr id="10" name="ĐÁP ÁN D"/>
          <p:cNvSpPr/>
          <p:nvPr/>
        </p:nvSpPr>
        <p:spPr>
          <a:xfrm>
            <a:off x="723899" y="6020474"/>
            <a:ext cx="778329" cy="680934"/>
          </a:xfrm>
          <a:prstGeom prst="ellipse">
            <a:avLst/>
          </a:prstGeom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</a:t>
            </a:r>
            <a:endParaRPr lang="en-US" sz="32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1" name="ĐÁP ÁN C"/>
          <p:cNvSpPr/>
          <p:nvPr/>
        </p:nvSpPr>
        <p:spPr>
          <a:xfrm>
            <a:off x="10432685" y="6059312"/>
            <a:ext cx="804122" cy="702060"/>
          </a:xfrm>
          <a:prstGeom prst="ellipse">
            <a:avLst/>
          </a:prstGeom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</a:t>
            </a:r>
            <a:endParaRPr lang="en-US" sz="32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2" name="ĐÁP ÁN B"/>
          <p:cNvSpPr/>
          <p:nvPr/>
        </p:nvSpPr>
        <p:spPr>
          <a:xfrm>
            <a:off x="10551140" y="791152"/>
            <a:ext cx="764603" cy="738951"/>
          </a:xfrm>
          <a:prstGeom prst="ellipse">
            <a:avLst/>
          </a:prstGeom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</a:t>
            </a:r>
          </a:p>
        </p:txBody>
      </p:sp>
      <p:pic>
        <p:nvPicPr>
          <p:cNvPr id="15" name="ăt cuoi"/>
          <p:cNvPicPr>
            <a:picLocks noChangeAspect="1"/>
          </p:cNvPicPr>
          <p:nvPr/>
        </p:nvPicPr>
        <p:blipFill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646962" y="1325617"/>
            <a:ext cx="2821876" cy="2497975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16" name="ăt êu"/>
          <p:cNvPicPr>
            <a:picLocks noChangeAspect="1"/>
          </p:cNvPicPr>
          <p:nvPr/>
        </p:nvPicPr>
        <p:blipFill>
          <a:blip r:embed="rId1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729316" y="4363484"/>
            <a:ext cx="2389941" cy="1792456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21" name="Tieng-vo-tay-tra-loi-dung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end="4115.8333"/>
                </p14:media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7829550" y="-1180305"/>
            <a:ext cx="609600" cy="609600"/>
          </a:xfrm>
          <a:prstGeom prst="rect">
            <a:avLst/>
          </a:prstGeom>
        </p:spPr>
      </p:pic>
      <p:pic>
        <p:nvPicPr>
          <p:cNvPr id="22" name="Am-thanh-tra-loi-sai-wav-www_tiengdong_com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4">
                  <p14:trim st="484" end="1583.1065"/>
                </p14:media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4119716" y="-1065316"/>
            <a:ext cx="609600" cy="609600"/>
          </a:xfrm>
          <a:prstGeom prst="rect">
            <a:avLst/>
          </a:prstGeom>
        </p:spPr>
      </p:pic>
      <p:pic>
        <p:nvPicPr>
          <p:cNvPr id="17" name="sai roi">
            <a:hlinkClick r:id="" action="ppaction://media"/>
          </p:cNvPr>
          <p:cNvPicPr>
            <a:picLocks noChangeAspect="1"/>
          </p:cNvPicPr>
          <p:nvPr>
            <a:audioFile r:link="rId6"/>
            <p:extLst>
              <p:ext uri="{DAA4B4D4-6D71-4841-9C94-3DE7FCFB9230}">
                <p14:media xmlns:p14="http://schemas.microsoft.com/office/powerpoint/2010/main" r:embed="rId5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191983" y="-1058523"/>
            <a:ext cx="609600" cy="609600"/>
          </a:xfrm>
          <a:prstGeom prst="rect">
            <a:avLst/>
          </a:prstGeom>
        </p:spPr>
      </p:pic>
      <p:pic>
        <p:nvPicPr>
          <p:cNvPr id="19" name="đúng roi">
            <a:hlinkClick r:id="" action="ppaction://media"/>
          </p:cNvPr>
          <p:cNvPicPr>
            <a:picLocks noChangeAspect="1"/>
          </p:cNvPicPr>
          <p:nvPr>
            <a:audioFile r:link="rId8"/>
            <p:extLst>
              <p:ext uri="{DAA4B4D4-6D71-4841-9C94-3DE7FCFB9230}">
                <p14:media xmlns:p14="http://schemas.microsoft.com/office/powerpoint/2010/main" r:embed="rId7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10246340" y="-1186552"/>
            <a:ext cx="609600" cy="609600"/>
          </a:xfrm>
          <a:prstGeom prst="rect">
            <a:avLst/>
          </a:prstGeom>
        </p:spPr>
      </p:pic>
      <p:pic>
        <p:nvPicPr>
          <p:cNvPr id="20" name="Recorded Sound">
            <a:hlinkClick r:id="" action="ppaction://media"/>
          </p:cNvPr>
          <p:cNvPicPr>
            <a:picLocks noChangeAspect="1"/>
          </p:cNvPicPr>
          <p:nvPr>
            <a:audioFile r:link="rId10"/>
            <p:extLst>
              <p:ext uri="{DAA4B4D4-6D71-4841-9C94-3DE7FCFB9230}">
                <p14:media xmlns:p14="http://schemas.microsoft.com/office/powerpoint/2010/main" r:embed="rId9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6117770" y="-1376770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4021945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Tm="20964"/>
    </mc:Choice>
    <mc:Fallback xmlns="">
      <p:transition advTm="20964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0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9" dur="6807" fill="hold"/>
                                        <p:tgtEl>
                                          <p:spTgt spid="2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20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2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25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28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34848">
                <p:cTn id="3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1"/>
                </p:tgtEl>
              </p:cMediaNode>
            </p:audio>
            <p:audio>
              <p:cMediaNode vol="27273">
                <p:cTn id="39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2"/>
                </p:tgtEl>
              </p:cMediaNode>
            </p:audio>
            <p:audio>
              <p:cMediaNode vol="100000">
                <p:cTn id="4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7"/>
                </p:tgtEl>
              </p:cMediaNode>
            </p:audio>
            <p:audio>
              <p:cMediaNode vol="80000">
                <p:cTn id="4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9"/>
                </p:tgtEl>
              </p:cMediaNode>
            </p:audio>
            <p:seq concurrent="1" nextAc="seek">
              <p:cTn id="42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3" fill="hold">
                      <p:stCondLst>
                        <p:cond delay="0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26" presetClass="emph" presetSubtype="0" repeatCount="3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6" dur="250" tmFilter="0, 0; .2, .5; .8, .5; 1, 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47" dur="125" autoRev="1" fill="hold"/>
                                        <p:tgtEl>
                                          <p:spTgt spid="3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48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9" dur="3278" fill="hold"/>
                                        <p:tgtEl>
                                          <p:spTgt spid="1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50" presetID="26" presetClass="emph" presetSubtype="0" repeatCount="3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1" dur="250" tmFilter="0, 0; .2, .5; .8, .5; 1, 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52" dur="125" autoRev="1" fill="hold"/>
                                        <p:tgtEl>
                                          <p:spTgt spid="9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53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54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5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56" dur="3970" fill="hold"/>
                                        <p:tgtEl>
                                          <p:spTgt spid="2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  <p:seq concurrent="1" nextAc="seek">
              <p:cTn id="57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8" fill="hold">
                      <p:stCondLst>
                        <p:cond delay="0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26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1" dur="500" tmFilter="0, 0; .2, .5; .8, .5; 1, 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62" dur="250" autoRev="1" fill="hold"/>
                                        <p:tgtEl>
                                          <p:spTgt spid="13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63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64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65" presetID="26" presetClass="emph" presetSubtype="0" repeatCount="3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6" dur="250" tmFilter="0, 0; .2, .5; .8, .5; 1, 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67" dur="125" autoRev="1" fill="hold"/>
                                        <p:tgtEl>
                                          <p:spTgt spid="12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68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9" dur="1506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70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1" dur="3324" fill="hold"/>
                                        <p:tgtEl>
                                          <p:spTgt spid="1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seq concurrent="1" nextAc="seek">
              <p:cTn id="72" restart="whenNotActive" fill="hold" evtFilter="cancelBubble" nodeType="interactiveSeq">
                <p:stCondLst>
                  <p:cond evt="onClick" delay="0">
                    <p:tgtEl>
                      <p:spTgt spid="1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3" fill="hold">
                      <p:stCondLst>
                        <p:cond delay="0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26" presetClass="emph" presetSubtype="0" repeatCount="3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6" dur="250" tmFilter="0, 0; .2, .5; .8, .5; 1, 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77" dur="125" autoRev="1" fill="hold"/>
                                        <p:tgtEl>
                                          <p:spTgt spid="10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78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9" dur="3278" fill="hold"/>
                                        <p:tgtEl>
                                          <p:spTgt spid="1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80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1" dur="3970" fill="hold"/>
                                        <p:tgtEl>
                                          <p:spTgt spid="2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82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83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84" presetID="26" presetClass="emph" presetSubtype="0" repeatCount="3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5" dur="250" tmFilter="0, 0; .2, .5; .8, .5; 1, 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86" dur="125" autoRev="1" fill="hold"/>
                                        <p:tgtEl>
                                          <p:spTgt spid="14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"/>
                  </p:tgtEl>
                </p:cond>
              </p:nextCondLst>
            </p:seq>
            <p:seq concurrent="1" nextAc="seek">
              <p:cTn id="87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8" fill="hold">
                      <p:stCondLst>
                        <p:cond delay="0"/>
                      </p:stCondLst>
                      <p:childTnLst>
                        <p:par>
                          <p:cTn id="89" fill="hold">
                            <p:stCondLst>
                              <p:cond delay="0"/>
                            </p:stCondLst>
                            <p:childTnLst>
                              <p:par>
                                <p:cTn id="90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91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92" presetID="26" presetClass="emph" presetSubtype="0" repeatCount="3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3" dur="250" tmFilter="0, 0; .2, .5; .8, .5; 1, 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94" dur="125" autoRev="1" fill="hold"/>
                                        <p:tgtEl>
                                          <p:spTgt spid="11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9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96" dur="3970" fill="hold"/>
                                        <p:tgtEl>
                                          <p:spTgt spid="2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97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98" dur="3278" fill="hold"/>
                                        <p:tgtEl>
                                          <p:spTgt spid="1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99" presetID="26" presetClass="emph" presetSubtype="0" repeatCount="3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0" dur="250" tmFilter="0, 0; .2, .5; .8, .5; 1, 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101" dur="125" autoRev="1" fill="hold"/>
                                        <p:tgtEl>
                                          <p:spTgt spid="18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audio>
              <p:cMediaNode vol="80000">
                <p:cTn id="10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0"/>
                </p:tgtEl>
              </p:cMediaNode>
            </p:audio>
          </p:childTnLst>
        </p:cTn>
      </p:par>
    </p:tnLst>
    <p:bldLst>
      <p:bldP spid="4" grpId="0"/>
      <p:bldP spid="9" grpId="0" animBg="1"/>
      <p:bldP spid="10" grpId="0" animBg="1"/>
      <p:bldP spid="10" grpId="1" animBg="1"/>
      <p:bldP spid="11" grpId="0" animBg="1"/>
      <p:bldP spid="11" grpId="1" animBg="1"/>
      <p:bldP spid="12" grpId="0" animBg="1"/>
      <p:bldP spid="12" grpId="1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CA566AA7-5FE4-4B4A-8366-437D632728A4}"/>
  <p:tag name="ISPRING_PROJECT_VERSION" val="9.3"/>
  <p:tag name="ISPRING_PROJECT_FOLDER_UPDATED" val="1"/>
  <p:tag name="ISPRING_FIRST_PUBLISH" val="1"/>
  <p:tag name="FLASHSPRING_ZOOM_TAG" val="75"/>
  <p:tag name="ISPRING_SCREEN_RECS_UPDATED" val="C:\Users\My PC\Desktop\gae 2\game 2 autosave\"/>
  <p:tag name="ISPRING_RESOURCE_FOLDER" val="C:\Users\My PC\Desktop\gae 2\game 2 autosave\"/>
  <p:tag name="ISPRING_PRESENTATION_PATH" val="C:\Users\My PC\Desktop\gae 2\game 2 autosave.pptx"/>
  <p:tag name="ISPRING_DEFAULT_PRESENTE_ID" val="{E8483A1A-F4FF-45D4-AE18-DB5759F60C2C}"/>
  <p:tag name="ISPRING_PRESENTER_PHOTO_0" val="png|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"/>
  <p:tag name="ISPRING_PRESENTERDATA_0" val="VHLhu4tuaCBOZ+G7jWMgQmljaA==||aG9hbmdwaHVvbmd2dTg3ODFAZ21haWwuY29t||e0U4NDgzQTFBLUY0RkYtNDVENC1BRTE4LURCNTc1OUY2MEMyQ30=|VHLGsOG7nW5nIG3huqdtIG5vbiBUacOqbiBNaW5o|SVNQUklOR19QUkVTRU5URVJfUEhPVE9fMA==|MA==|||MDcwNTU4MDIwNA=="/>
  <p:tag name="FLASHSPRING_PRESENTATION_REFERENCES" val=""/>
  <p:tag name="ISPRING_WEBLINKS_TARGET" val="_blank"/>
  <p:tag name="ISPRING_WEBLINKS_TARGETMJT" val="_self"/>
  <p:tag name="ISPRING_PRESENTATION_INFO_2" val="&lt;?xml version=&quot;1.0&quot; encoding=&quot;UTF-8&quot; standalone=&quot;no&quot; ?&gt;&#10;&lt;presentation2&gt;&#10;&#10;  &lt;slides&gt;&#10;    &lt;slide id=&quot;{DB76BAC0-83EC-43E0-A5DA-3BB7459BE4BC}&quot; pptId=&quot;256&quot;/&gt;&#10;    &lt;slide id=&quot;{7D9C225E-32EF-44FC-9CD9-16E85A946766}&quot; pptId=&quot;257&quot;/&gt;&#10;    &lt;slide id=&quot;{F9C01EAE-7F37-47D8-85FF-F0A12AA35F1D}&quot; pptId=&quot;259&quot;/&gt;&#10;    &lt;slide id=&quot;{20F0F81F-746F-4065-98BF-65CDEB0BF39B}&quot; pptId=&quot;262&quot;/&gt;&#10;    &lt;slide id=&quot;{A0953813-1EEF-430C-B999-A088938D5172}&quot; pptId=&quot;263&quot;/&gt;&#10;    &lt;slide id=&quot;{D2027004-FDFB-4BE9-9B3F-CBE3135A7927}&quot; pptId=&quot;261&quot;/&gt;&#10;    &lt;slide id=&quot;{A7F0D520-DE1C-400D-B9F9-8103729325E5}&quot; pptId=&quot;264&quot;/&gt;&#10;    &lt;slide id=&quot;{37C6C52D-E817-4E57-9E78-F22F3D6111E4}&quot; pptId=&quot;265&quot;/&gt;&#10;    &lt;slide id=&quot;{27E65202-1EF5-46AB-8B62-47C86D48C662}&quot; pptId=&quot;270&quot;/&gt;&#10;    &lt;slide id=&quot;{E2302AB4-A869-4329-B449-A4AC86E3D385}&quot; pptId=&quot;271&quot;/&gt;&#10;    &lt;slide id=&quot;{18B12B21-9541-43FD-A028-195EE5F4717B}&quot; pptId=&quot;272&quot;/&gt;&#10;    &lt;slide id=&quot;{BD405E5C-D256-47A0-9B80-FAA31B22B05E}&quot; pptId=&quot;267&quot;/&gt;&#10;  &lt;/slides&gt;&#10;&#10;  &lt;narration&gt;&#10;    &lt;audioTracks&gt;&#10;      &lt;audioTrack muted=&quot;false&quot; name=&quot;OMFG - Hello&quot; resource=&quot;7b4bfc3d&quot; slideId=&quot;{DB76BAC0-83EC-43E0-A5DA-3BB7459BE4BC}&quot; startTime=&quot;0&quot; stepIndex=&quot;0&quot; volume=&quot;1&quot;&gt;&#10;        &lt;audio channels=&quot;2&quot; format=&quot;fltp&quot; sampleRate=&quot;44100&quot;/&gt;&#10;      &lt;/audioTrack&gt;&#10;    &lt;/audioTracks&gt;&#10;    &lt;videoTracks/&gt;&#10;  &lt;/narration&gt;&#10;&#10;&lt;/presentation2&gt;&#10;"/>
  <p:tag name="ISPRING-SUITE_ISPRING_CURRENT_PLAYER_ID" val="universal"/>
  <p:tag name="ISPRING_PRESENTATION_COURSE_TITLE" val="Bé với an toàn giao thông"/>
  <p:tag name="ISPRING_LMS_API_VERSION" val="SCORM 2004 (4th edition)"/>
  <p:tag name="ISPRING_ULTRA_SCORM_COURSE_ID" val="E0FCF255-EA91-4732-93E4-E83508543FDC"/>
  <p:tag name="ISPRING_CMI5_LAUNCH_METHOD" val="any window"/>
  <p:tag name="ISPRINGCLOUDFOLDERID" val="1"/>
  <p:tag name="ISPRINGONLINEFOLDERID" val="1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,&quot;uploadSources&quot;:true}}"/>
  <p:tag name="ISPRING_SCORM_RATE_SLIDES" val="0"/>
  <p:tag name="ISPRING_SCORM_PASSING_SCORE" val="0.000000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true,&quot;showNextButton&quot;:true,&quot;showOutline&quot;:false,&quot;showPlayPause&quot;:true,&quot;showPlaybackRateButton&quot;:true,&quot;showPrevButton&quot;:true,&quot;showRewind&quot;:tru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,&quot;outline&quot;],&quot;buttonsAtLeft&quot;:false,&quot;courseTitleVisible&quot;:true,&quot;showLogo&quot;:fals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Tiếp theo&quot;,&quot;PB_CONTROL_PANEL_OUTLINE&quot;:&quot;Outline&quot;,&quot;PB_CONTROL_PANEL_PREV&quot;:&quot;Quay lại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Tìm kiếm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Ghi chú&quot;,&quot;PB_TAB_OUTLINE_LABEL&quot;:&quot;Mục lục&quot;,&quot;PB_TIME_RESTRICTION&quot;:&quot;Sorry, the content author has prohibited viewing the presentation at this time.&quot;,&quot;PB_TITLE_PANEL_ATTACHMENTS&quot;:&quot;Đính kèm&quot;,&quot;PB_TITLE_PANEL_MARKER_TOOLS&quot;:&quot;Công cụ đánh dấu&quot;,&quot;PB_TITLE_PANEL_NOTES&quot;:&quot;Ghi chú&quot;,&quot;PB_TITLE_PANEL_OUTLINE&quot;:&quot;Mục lục&quot;,&quot;PB_TITLE_PANEL_PRESENTER_INFO&quot;:&quot;Tác giả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URSE_TITLE&quot;,&quot;DT_REFERENCE_URL&quot;,&quot;DT_REFERENCE_TITLE&quot;,&quot;DT_PRESENTER_BIO&quot;,&quot;DT_PRESENTER_EMAIL&quot;,&quot;DT_PRESENTER_WEBSITE&quot;,&quot;DT_PRESENTER_PHONE&quot;,&quot;DT_PRESENTER_TITLE&quot;,&quot;DT_PRESENTER_NAME&quot;,&quot;DT_SLIDE_NOTES_HTML&quot;,&quot;DT_SLIDE_NOTES_TEXT&quot;,&quot;DT_SLIDE_TITLE&quot;,&quot;DT_SLIDE_NOTES_TEXT&quot;,&quot;DT_SLIDE_TEXT&quot;,&quot;DT_HYPERLINK_TOOLTIP&quot;]},&quot;resources&quot;:{&quot;attachments&quot;:true,&quot;fonts&quot;:[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Đính kèm&quot;,&quot;Link&quot;,&quot;Picture&quot;,&quot;Video&quot;,&quot;Document&quot;,&quot;File&quot;,&quot;Công cụ đánh dấu&quot;,&quot;Pen&quot;,&quot;Highlighter&quot;,&quot;Eraser&quot;,&quot;Erase all&quot;,&quot;Finish drawing&quot;,&quot;Email&quot;,&quot;Website&quot;,&quot;Show more&quot;,&quot;Show less&quot;,&quot;Tác giả&quot;,&quot;Mục lục&quot;,&quot;Tìm kiếm&quot;,&quot;in slide&quot;,&quot;Search results&quot;,&quot;No matches found.&quot;,&quot;in notes&quot;,&quot;Cancel&quot;,&quot;Quay lại&quot;,&quot;Tiếp theo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Đính kèm&quot;,&quot;Link&quot;,&quot;Picture&quot;,&quot;Video&quot;,&quot;Document&quot;,&quot;File&quot;,&quot;Công cụ đánh dấu&quot;,&quot;Pen&quot;,&quot;Highlighter&quot;,&quot;Eraser&quot;,&quot;Erase all&quot;,&quot;Finish drawing&quot;,&quot;Email&quot;,&quot;Website&quot;,&quot;Show more&quot;,&quot;Show less&quot;,&quot;Tác giả&quot;,&quot;Mục lục&quot;,&quot;Tìm kiếm&quot;,&quot;in slide&quot;,&quot;Search results&quot;,&quot;No matches found.&quot;,&quot;in notes&quot;,&quot;Cancel&quot;,&quot;Quay lại&quot;,&quot;Tiếp theo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Đính kèm&quot;,&quot;Link&quot;,&quot;Picture&quot;,&quot;Video&quot;,&quot;Document&quot;,&quot;File&quot;,&quot;Công cụ đánh dấu&quot;,&quot;Pen&quot;,&quot;Highlighter&quot;,&quot;Eraser&quot;,&quot;Erase all&quot;,&quot;Finish drawing&quot;,&quot;Email&quot;,&quot;Website&quot;,&quot;Show more&quot;,&quot;Show less&quot;,&quot;Tác giả&quot;,&quot;Mục lục&quot;,&quot;Tìm kiếm&quot;,&quot;in slide&quot;,&quot;Search results&quot;,&quot;No matches found.&quot;,&quot;in notes&quot;,&quot;Cancel&quot;,&quot;Quay lại&quot;,&quot;Tiếp theo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Đính kèm&quot;,&quot;Link&quot;,&quot;Picture&quot;,&quot;Video&quot;,&quot;Document&quot;,&quot;File&quot;,&quot;Công cụ đánh dấu&quot;,&quot;Pen&quot;,&quot;Highlighter&quot;,&quot;Eraser&quot;,&quot;Erase all&quot;,&quot;Finish drawing&quot;,&quot;Email&quot;,&quot;Website&quot;,&quot;Show more&quot;,&quot;Show less&quot;,&quot;Tác giả&quot;,&quot;Mục lục&quot;,&quot;Tìm kiếm&quot;,&quot;in slide&quot;,&quot;Search results&quot;,&quot;No matches found.&quot;,&quot;in notes&quot;,&quot;Cancel&quot;,&quot;Quay lại&quot;,&quot;Tiếp theo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Đính kèm&quot;,&quot;Link&quot;,&quot;Picture&quot;,&quot;Video&quot;,&quot;Document&quot;,&quot;File&quot;,&quot;Công cụ đánh dấu&quot;,&quot;Pen&quot;,&quot;Highlighter&quot;,&quot;Eraser&quot;,&quot;Erase all&quot;,&quot;Finish drawing&quot;,&quot;Email&quot;,&quot;Website&quot;,&quot;Show more&quot;,&quot;Show less&quot;,&quot;Tác giả&quot;,&quot;Mục lục&quot;,&quot;Tìm kiếm&quot;,&quot;in slide&quot;,&quot;Search results&quot;,&quot;No matches found.&quot;,&quot;in notes&quot;,&quot;Cancel&quot;,&quot;Quay lại&quot;,&quot;Tiếp theo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Đính kèm&quot;,&quot;Link&quot;,&quot;Picture&quot;,&quot;Video&quot;,&quot;Document&quot;,&quot;File&quot;,&quot;Công cụ đánh dấu&quot;,&quot;Pen&quot;,&quot;Highlighter&quot;,&quot;Eraser&quot;,&quot;Erase all&quot;,&quot;Finish drawing&quot;,&quot;Email&quot;,&quot;Website&quot;,&quot;Show more&quot;,&quot;Show less&quot;,&quot;Tác giả&quot;,&quot;Mục lục&quot;,&quot;Tìm kiếm&quot;,&quot;in slide&quot;,&quot;Search results&quot;,&quot;No matches found.&quot;,&quot;in notes&quot;,&quot;Cancel&quot;,&quot;Quay lại&quot;,&quot;Tiếp theo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presenterPhotos&quot;:{&quot;enlargeToFit&quot;:false,&quot;height&quot;:105,&quot;jpegQuality&quot;:100,&quot;keepAspectRatio&quot;:true,&quot;width&quot;:94},&quot;slideThumbnails&quot;:{&quot;enlargeToFit&quot;:false,&quot;height&quot;:59,&quot;jpegQuality&quot;:100,&quot;keepAspectRatio&quot;:true,&quot;width&quot;:78}}}},&quot;ceipData&quot;:{&quot;enableMiniSkinCustomization&quot;:true,&quot;playerLayout&quot;:&quot;builtin.fullPlayer&quot;,&quot;playerLayoutFooter&quot;:&quot;playAndPause,acceleration,notes,replay,fullscreen,volumeControl,slideNumber,goToPrev,goToNext&quot;,&quot;playerLayoutHeader&quot;:&quot;resources,markerTools,presenterInfo,outline,title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custom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_ULTRA_SCORM_COURCE_TITLE" val="TC3 bé vơi an toàn giao thông 4-5 TUỔI - MN Tiên Minh"/>
  <p:tag name="ISPRING_OUTPUT_FOLDER" val="[[&quot;\uFFFD\u000B\uFFFD\u0000{1D1B421B-A32A-4B51-B900-AE908F48DE6C}&quot;,&quot;C:\\Users\\My PC\\Desktop\\FILE ĐÃ PUSLISH ATGT\\TC3- BÉ VỚI ATGT 4-5 TUỔI&quot;]]"/>
  <p:tag name="ISPRING_PRESENTATION_TITLE" val="TC3 bé vơi an toàn giao thông 4-5 TUỔI - MN Tiên Minh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TIMING" val="|0.001"/>
  <p:tag name="GENSWF_ADVANCE_TIME" val="20.964"/>
  <p:tag name="GENSWF_SLIDE_UID" val="{35F2E2B3-3A32-48A8-8BDA-85F7D244C6FC}:270"/>
  <p:tag name="ISPRING_SLIDE_ID_2" val="{27E65202-1EF5-46AB-8B62-47C86D48C662}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20.964"/>
  <p:tag name="GENSWF_SLIDE_UID" val="{B4237E7E-8AF2-426E-8B51-3B86B986B9ED}:271"/>
  <p:tag name="ISPRING_SLIDE_ID_2" val="{E2302AB4-A869-4329-B449-A4AC86E3D385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20.964"/>
  <p:tag name="GENSWF_SLIDE_UID" val="{7BAFABA6-32D1-4C41-AEF2-D4A8DF8435A9}:272"/>
  <p:tag name="ISPRING_SLIDE_ID_2" val="{18B12B21-9541-43FD-A028-195EE5F4717B}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90E0A99-EDEA-4BC3-8A75-65EA4458FD7A}:267"/>
  <p:tag name="ISPRING_CUSTOM_TIMING_USED" val="1"/>
  <p:tag name="ISPRING_SLIDE_INDENT_LEVEL" val="0"/>
  <p:tag name="GENSWF_ADVANCE_TIME" val="16.200"/>
  <p:tag name="ISPRING_SLIDE_ID_2" val="{BD405E5C-D256-47A0-9B80-FAA31B22B05E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80351440-6236-4E4B-ACF5-C076BE988568}:256"/>
  <p:tag name="ISPRING_SLIDE_INDENT_LEVEL" val="0"/>
  <p:tag name="GENSWF_ADVANCE_TIME" val="17.864"/>
  <p:tag name="ISPRING_SLIDE_ID_2" val="{DB76BAC0-83EC-43E0-A5DA-3BB7459BE4BC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7666AF89-5A74-4A92-B816-9D8FE0BD6D4F}:257"/>
  <p:tag name="ISPRING_SLIDE_INDENT_LEVEL" val="0"/>
  <p:tag name="GENSWF_ADVANCE_TIME" val="12.232"/>
  <p:tag name="ISPRING_SLIDE_ID_2" val="{7D9C225E-32EF-44FC-9CD9-16E85A946766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68244B18-69B8-4B03-BAE0-838842E95F8A}:259"/>
  <p:tag name="ISPRING_SLIDE_INDENT_LEVEL" val="0"/>
  <p:tag name="GENSWF_ADVANCE_TIME" val="10.056"/>
  <p:tag name="ISPRING_SLIDE_ID_2" val="{F9C01EAE-7F37-47D8-85FF-F0A12AA35F1D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767E1B6D-4112-4220-9082-208B68C09DA8}:262"/>
  <p:tag name="ISPRING_SLIDE_INDENT_LEVEL" val="0"/>
  <p:tag name="GENSWF_ADVANCE_TIME" val="10.248"/>
  <p:tag name="ISPRING_SLIDE_ID_2" val="{20F0F81F-746F-4065-98BF-65CDEB0BF39B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1742E015-1D45-43FB-8ED3-BD55B61751E0}:263"/>
  <p:tag name="ISPRING_SLIDE_INDENT_LEVEL" val="0"/>
  <p:tag name="GENSWF_ADVANCE_TIME" val="10.376"/>
  <p:tag name="ISPRING_SLIDE_ID_2" val="{A0953813-1EEF-430C-B999-A088938D5172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42782FAC-8415-4BBD-B328-8D4F48EE36B9}:261"/>
  <p:tag name="ISPRING_SLIDE_INDENT_LEVEL" val="0"/>
  <p:tag name="GENSWF_ADVANCE_TIME" val="15.304"/>
  <p:tag name="ISPRING_SLIDE_ID_2" val="{D2027004-FDFB-4BE9-9B3F-CBE3135A7927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1081D9A-8706-4BBB-886D-D41C590BB994}:264"/>
  <p:tag name="GENSWF_ADVANCE_TIME" val="19.927"/>
  <p:tag name="ISPRING_CUSTOM_TIMING_USED" val="1"/>
  <p:tag name="ISPRING_SLIDE_INDENT_LEVEL" val="0"/>
  <p:tag name="ISPRING_SLIDE_ID_2" val="{A7F0D520-DE1C-400D-B9F9-8103729325E5}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7FA4628-918A-44ED-B452-9123685DF107}:265"/>
  <p:tag name="ISPRING_CUSTOM_TIMING_USED" val="1"/>
  <p:tag name="ISPRING_SLIDE_INDENT_LEVEL" val="0"/>
  <p:tag name="TIMING" val="|0.001"/>
  <p:tag name="GENSWF_ADVANCE_TIME" val="20.068"/>
  <p:tag name="ISPRING_SLIDE_ID_2" val="{37C6C52D-E817-4E57-9E78-F22F3D6111E4}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816</TotalTime>
  <Words>183</Words>
  <Application>Microsoft Office PowerPoint</Application>
  <PresentationFormat>Widescreen</PresentationFormat>
  <Paragraphs>44</Paragraphs>
  <Slides>12</Slides>
  <Notes>12</Notes>
  <HiddenSlides>0</HiddenSlides>
  <MMClips>48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2</vt:i4>
      </vt:variant>
    </vt:vector>
  </HeadingPairs>
  <TitlesOfParts>
    <vt:vector size="17" baseType="lpstr">
      <vt:lpstr>Arial</vt:lpstr>
      <vt:lpstr>Calibri</vt:lpstr>
      <vt:lpstr>Calibri Light</vt:lpstr>
      <vt:lpstr>Times New Roman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TC3 bé vơi an toàn giao thông 4-5 TUỔI - MN Tiên Minh</dc:title>
  <dc:creator>My PC</dc:creator>
  <cp:lastModifiedBy>My PC</cp:lastModifiedBy>
  <cp:revision>400</cp:revision>
  <dcterms:created xsi:type="dcterms:W3CDTF">2024-01-08T02:02:33Z</dcterms:created>
  <dcterms:modified xsi:type="dcterms:W3CDTF">2024-01-15T02:51:02Z</dcterms:modified>
</cp:coreProperties>
</file>